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7"/>
  </p:sldMasterIdLst>
  <p:notesMasterIdLst>
    <p:notesMasterId r:id="rId18"/>
  </p:notesMasterIdLst>
  <p:handoutMasterIdLst>
    <p:handoutMasterId r:id="rId19"/>
  </p:handoutMasterIdLst>
  <p:sldIdLst>
    <p:sldId id="2147471054" r:id="rId8"/>
    <p:sldId id="2147471062" r:id="rId9"/>
    <p:sldId id="2147471055" r:id="rId10"/>
    <p:sldId id="2147471063" r:id="rId11"/>
    <p:sldId id="2147471057" r:id="rId12"/>
    <p:sldId id="2147471064" r:id="rId13"/>
    <p:sldId id="2147471061" r:id="rId14"/>
    <p:sldId id="2147471058" r:id="rId15"/>
    <p:sldId id="2147471059" r:id="rId16"/>
    <p:sldId id="2147471060" r:id="rId17"/>
  </p:sldIdLst>
  <p:sldSz cx="12192000" cy="6858000"/>
  <p:notesSz cx="6797675" cy="9928225"/>
  <p:embeddedFontLst>
    <p:embeddedFont>
      <p:font typeface="DI Display Office" panose="020B0604020202020204" charset="0"/>
      <p:regular r:id="rId20"/>
      <p:bold r:id="rId21"/>
      <p:italic r:id="rId22"/>
      <p:boldItalic r:id="rId23"/>
    </p:embeddedFont>
    <p:embeddedFont>
      <p:font typeface="DI Numbers Office" panose="020B0604020202020204" charset="0"/>
      <p:regular r:id="rId24"/>
      <p:bold r:id="rId25"/>
      <p:italic r:id="rId26"/>
      <p:boldItalic r:id="rId27"/>
    </p:embeddedFont>
    <p:embeddedFont>
      <p:font typeface="DI Sans Office" panose="020B0604020202020204" charset="0"/>
      <p:regular r:id="rId28"/>
      <p:bold r:id="rId29"/>
      <p:italic r:id="rId30"/>
      <p:boldItalic r:id="rId31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7A4E0"/>
    <a:srgbClr val="BCE19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1618C1E-EAA3-4B2B-A017-2501AD91D155}" v="7" dt="2025-09-23T11:39:17.179"/>
  </p1510:revLst>
</p1510:revInfo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3254" autoAdjust="0"/>
  </p:normalViewPr>
  <p:slideViewPr>
    <p:cSldViewPr snapToGrid="0" showGuides="1">
      <p:cViewPr>
        <p:scale>
          <a:sx n="55" d="100"/>
          <a:sy n="55" d="100"/>
        </p:scale>
        <p:origin x="1096" y="3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2694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" Type="http://schemas.openxmlformats.org/officeDocument/2006/relationships/customXml" Target="../customXml/item3.xml"/><Relationship Id="rId21" Type="http://schemas.openxmlformats.org/officeDocument/2006/relationships/font" Target="fonts/font2.fntdata"/><Relationship Id="rId34" Type="http://schemas.openxmlformats.org/officeDocument/2006/relationships/theme" Target="theme/theme1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font" Target="fonts/font6.fntdata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24" Type="http://schemas.openxmlformats.org/officeDocument/2006/relationships/font" Target="fonts/font5.fntdata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microsoft.com/office/2015/10/relationships/revisionInfo" Target="revisionInfo.xml"/><Relationship Id="rId10" Type="http://schemas.openxmlformats.org/officeDocument/2006/relationships/slide" Target="slides/slide3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tableStyles" Target="tableStyles.xml"/><Relationship Id="rId8" Type="http://schemas.openxmlformats.org/officeDocument/2006/relationships/slide" Target="slides/slid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B3FFB1A-3D03-4CAF-BD83-94BC0DD1D11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Header Placeholder 2">
            <a:extLst>
              <a:ext uri="{FF2B5EF4-FFF2-40B4-BE49-F238E27FC236}">
                <a16:creationId xmlns:a16="http://schemas.microsoft.com/office/drawing/2014/main" id="{F78585ED-E09F-4544-9D28-61960CDC78A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3BD75-AA93-4F77-AAFD-71EBF7C5623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1164B1F-074D-48A1-BB89-33A0DB78E615}" type="datetime1">
              <a:rPr lang="en-GB" smtClean="0"/>
              <a:t>23/09/2025</a:t>
            </a:fld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41FA956-9989-4246-8A28-4D201CBFBA6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0443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71E504-7D2F-4226-9493-8292EE5D077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  <p:extLst>
    <p:ext uri="{56416CCD-93CA-4268-BC5B-53C4BB910035}">
      <p15:sldGuideLst xmlns:p15="http://schemas.microsoft.com/office/powerpoint/2012/main">
        <p15:guide id="1" orient="horz" pos="3127" userDrawn="1">
          <p15:clr>
            <a:srgbClr val="F26B43"/>
          </p15:clr>
        </p15:guide>
        <p15:guide id="2" pos="2141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3F185A3-66D2-4D10-89A9-2033FCB223F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Slide Image Placeholder 2">
            <a:extLst>
              <a:ext uri="{FF2B5EF4-FFF2-40B4-BE49-F238E27FC236}">
                <a16:creationId xmlns:a16="http://schemas.microsoft.com/office/drawing/2014/main" id="{C7B05EB1-0120-43C4-9E3F-C19C6476CD70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45E5836E-8170-4804-9800-6AE5EBBE422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5AB016-25EA-425F-9A59-14BC385A1D1B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849A7D-BD89-4143-B72A-B8011BD839AD}" type="datetime1">
              <a:rPr lang="en-GB" smtClean="0"/>
              <a:t>23/09/2025</a:t>
            </a:fld>
            <a:endParaRPr lang="en-GB"/>
          </a:p>
        </p:txBody>
      </p:sp>
      <p:sp>
        <p:nvSpPr>
          <p:cNvPr id="6" name="Notes Placeholder 5">
            <a:extLst>
              <a:ext uri="{FF2B5EF4-FFF2-40B4-BE49-F238E27FC236}">
                <a16:creationId xmlns:a16="http://schemas.microsoft.com/office/drawing/2014/main" id="{B41D9AB7-224F-42A1-8469-C71F2146F39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79768" y="4777958"/>
            <a:ext cx="5438140" cy="390923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C28F7B-22D6-4FFA-899B-97B397D45F8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50443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74A5A2F-ECD0-4A51-A9E7-D8DA645BD5C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3127" userDrawn="1">
          <p15:clr>
            <a:srgbClr val="F26B43"/>
          </p15:clr>
        </p15:guide>
        <p15:guide id="2" pos="2141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100" dirty="0">
              <a:effectLst/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9C9CD31-ACE2-4FCF-957B-F00BF54BE0B7}" type="datetime1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/09/202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74A5A2F-ECD0-4A51-A9E7-D8DA645BD5C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418064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5B849A7D-BD89-4143-B72A-B8011BD839AD}" type="datetime1">
              <a:rPr lang="en-GB" smtClean="0"/>
              <a:t>23/09/2025</a:t>
            </a:fld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589594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5B849A7D-BD89-4143-B72A-B8011BD839AD}" type="datetime1">
              <a:rPr lang="en-GB" smtClean="0"/>
              <a:t>23/09/2025</a:t>
            </a:fld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72464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image" Target="../media/image12.jp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9.png"/><Relationship Id="rId11" Type="http://schemas.openxmlformats.org/officeDocument/2006/relationships/image" Target="../media/image24.png"/><Relationship Id="rId5" Type="http://schemas.openxmlformats.org/officeDocument/2006/relationships/image" Target="../media/image18.png"/><Relationship Id="rId10" Type="http://schemas.openxmlformats.org/officeDocument/2006/relationships/image" Target="../media/image23.png"/><Relationship Id="rId4" Type="http://schemas.openxmlformats.org/officeDocument/2006/relationships/image" Target="../media/image17.png"/><Relationship Id="rId9" Type="http://schemas.openxmlformats.org/officeDocument/2006/relationships/image" Target="../media/image22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4" name="Kombinationstegning: figur 12">
            <a:extLst>
              <a:ext uri="{FF2B5EF4-FFF2-40B4-BE49-F238E27FC236}">
                <a16:creationId xmlns:a16="http://schemas.microsoft.com/office/drawing/2014/main" id="{CA386589-75A7-DC7B-07A1-50DE4600CFB0}"/>
              </a:ext>
            </a:extLst>
          </p:cNvPr>
          <p:cNvSpPr/>
          <p:nvPr userDrawn="1"/>
        </p:nvSpPr>
        <p:spPr>
          <a:xfrm rot="5400000">
            <a:off x="6856481" y="2802630"/>
            <a:ext cx="514495" cy="507039"/>
          </a:xfrm>
          <a:custGeom>
            <a:avLst/>
            <a:gdLst>
              <a:gd name="connsiteX0" fmla="*/ 179948 w 514495"/>
              <a:gd name="connsiteY0" fmla="*/ 0 h 507039"/>
              <a:gd name="connsiteX1" fmla="*/ 334547 w 514495"/>
              <a:gd name="connsiteY1" fmla="*/ 0 h 507039"/>
              <a:gd name="connsiteX2" fmla="*/ 514495 w 514495"/>
              <a:gd name="connsiteY2" fmla="*/ 179948 h 507039"/>
              <a:gd name="connsiteX3" fmla="*/ 514495 w 514495"/>
              <a:gd name="connsiteY3" fmla="*/ 327091 h 507039"/>
              <a:gd name="connsiteX4" fmla="*/ 334547 w 514495"/>
              <a:gd name="connsiteY4" fmla="*/ 507039 h 507039"/>
              <a:gd name="connsiteX5" fmla="*/ 180110 w 514495"/>
              <a:gd name="connsiteY5" fmla="*/ 507039 h 507039"/>
              <a:gd name="connsiteX6" fmla="*/ 179948 w 514495"/>
              <a:gd name="connsiteY6" fmla="*/ 507039 h 507039"/>
              <a:gd name="connsiteX7" fmla="*/ 0 w 514495"/>
              <a:gd name="connsiteY7" fmla="*/ 507039 h 507039"/>
              <a:gd name="connsiteX8" fmla="*/ 0 w 514495"/>
              <a:gd name="connsiteY8" fmla="*/ 327091 h 507039"/>
              <a:gd name="connsiteX9" fmla="*/ 0 w 514495"/>
              <a:gd name="connsiteY9" fmla="*/ 286906 h 507039"/>
              <a:gd name="connsiteX10" fmla="*/ 0 w 514495"/>
              <a:gd name="connsiteY10" fmla="*/ 179948 h 507039"/>
              <a:gd name="connsiteX11" fmla="*/ 179948 w 514495"/>
              <a:gd name="connsiteY11" fmla="*/ 0 h 507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14495" h="507039">
                <a:moveTo>
                  <a:pt x="179948" y="0"/>
                </a:moveTo>
                <a:lnTo>
                  <a:pt x="334547" y="0"/>
                </a:lnTo>
                <a:cubicBezTo>
                  <a:pt x="433930" y="0"/>
                  <a:pt x="514495" y="80565"/>
                  <a:pt x="514495" y="179948"/>
                </a:cubicBezTo>
                <a:lnTo>
                  <a:pt x="514495" y="327091"/>
                </a:lnTo>
                <a:cubicBezTo>
                  <a:pt x="514495" y="426474"/>
                  <a:pt x="433930" y="507039"/>
                  <a:pt x="334547" y="507039"/>
                </a:cubicBezTo>
                <a:lnTo>
                  <a:pt x="180110" y="507039"/>
                </a:lnTo>
                <a:lnTo>
                  <a:pt x="179948" y="507039"/>
                </a:lnTo>
                <a:lnTo>
                  <a:pt x="0" y="507039"/>
                </a:lnTo>
                <a:lnTo>
                  <a:pt x="0" y="327091"/>
                </a:lnTo>
                <a:lnTo>
                  <a:pt x="0" y="286906"/>
                </a:lnTo>
                <a:lnTo>
                  <a:pt x="0" y="179948"/>
                </a:lnTo>
                <a:cubicBezTo>
                  <a:pt x="0" y="80565"/>
                  <a:pt x="80565" y="0"/>
                  <a:pt x="179948" y="0"/>
                </a:cubicBezTo>
                <a:close/>
              </a:path>
            </a:pathLst>
          </a:custGeom>
          <a:solidFill>
            <a:srgbClr val="A7A4E0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4" name="Titel kasse">
            <a:extLst>
              <a:ext uri="{FF2B5EF4-FFF2-40B4-BE49-F238E27FC236}">
                <a16:creationId xmlns:a16="http://schemas.microsoft.com/office/drawing/2014/main" id="{3CBB74ED-65A9-39F5-79DE-B76C72DC553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388800" y="388800"/>
            <a:ext cx="6214528" cy="2664000"/>
          </a:xfrm>
          <a:custGeom>
            <a:avLst/>
            <a:gdLst>
              <a:gd name="connsiteX0" fmla="*/ 262537 w 6214528"/>
              <a:gd name="connsiteY0" fmla="*/ 0 h 2664000"/>
              <a:gd name="connsiteX1" fmla="*/ 5951991 w 6214528"/>
              <a:gd name="connsiteY1" fmla="*/ 0 h 2664000"/>
              <a:gd name="connsiteX2" fmla="*/ 6214528 w 6214528"/>
              <a:gd name="connsiteY2" fmla="*/ 262537 h 2664000"/>
              <a:gd name="connsiteX3" fmla="*/ 6214528 w 6214528"/>
              <a:gd name="connsiteY3" fmla="*/ 1826775 h 2664000"/>
              <a:gd name="connsiteX4" fmla="*/ 6214528 w 6214528"/>
              <a:gd name="connsiteY4" fmla="*/ 2401463 h 2664000"/>
              <a:gd name="connsiteX5" fmla="*/ 6214528 w 6214528"/>
              <a:gd name="connsiteY5" fmla="*/ 2664000 h 2664000"/>
              <a:gd name="connsiteX6" fmla="*/ 5951991 w 6214528"/>
              <a:gd name="connsiteY6" fmla="*/ 2664000 h 2664000"/>
              <a:gd name="connsiteX7" fmla="*/ 5354820 w 6214528"/>
              <a:gd name="connsiteY7" fmla="*/ 2664000 h 2664000"/>
              <a:gd name="connsiteX8" fmla="*/ 262537 w 6214528"/>
              <a:gd name="connsiteY8" fmla="*/ 2664000 h 2664000"/>
              <a:gd name="connsiteX9" fmla="*/ 0 w 6214528"/>
              <a:gd name="connsiteY9" fmla="*/ 2401463 h 2664000"/>
              <a:gd name="connsiteX10" fmla="*/ 0 w 6214528"/>
              <a:gd name="connsiteY10" fmla="*/ 262537 h 2664000"/>
              <a:gd name="connsiteX11" fmla="*/ 262537 w 6214528"/>
              <a:gd name="connsiteY11" fmla="*/ 0 h 266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6214528" h="2664000">
                <a:moveTo>
                  <a:pt x="262537" y="0"/>
                </a:moveTo>
                <a:lnTo>
                  <a:pt x="5951991" y="0"/>
                </a:lnTo>
                <a:cubicBezTo>
                  <a:pt x="6096986" y="0"/>
                  <a:pt x="6214528" y="117542"/>
                  <a:pt x="6214528" y="262537"/>
                </a:cubicBezTo>
                <a:lnTo>
                  <a:pt x="6214528" y="1826775"/>
                </a:lnTo>
                <a:lnTo>
                  <a:pt x="6214528" y="2401463"/>
                </a:lnTo>
                <a:lnTo>
                  <a:pt x="6214528" y="2664000"/>
                </a:lnTo>
                <a:lnTo>
                  <a:pt x="5951991" y="2664000"/>
                </a:lnTo>
                <a:lnTo>
                  <a:pt x="5354820" y="2664000"/>
                </a:lnTo>
                <a:lnTo>
                  <a:pt x="262537" y="2664000"/>
                </a:lnTo>
                <a:cubicBezTo>
                  <a:pt x="117542" y="2664000"/>
                  <a:pt x="0" y="2546458"/>
                  <a:pt x="0" y="2401463"/>
                </a:cubicBezTo>
                <a:lnTo>
                  <a:pt x="0" y="262537"/>
                </a:lnTo>
                <a:cubicBezTo>
                  <a:pt x="0" y="117542"/>
                  <a:pt x="117542" y="0"/>
                  <a:pt x="262537" y="0"/>
                </a:cubicBezTo>
                <a:close/>
              </a:path>
            </a:pathLst>
          </a:custGeom>
          <a:solidFill>
            <a:schemeClr val="bg1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7999"/>
            <a:ext cx="5436163" cy="1908000"/>
          </a:xfrm>
        </p:spPr>
        <p:txBody>
          <a:bodyPr anchor="t" anchorCtr="0"/>
          <a:lstStyle>
            <a:lvl1pPr algn="l">
              <a:defRPr sz="4400"/>
            </a:lvl1pPr>
          </a:lstStyle>
          <a:p>
            <a:r>
              <a:rPr lang="da-DK" dirty="0"/>
              <a:t>Klik for at indsætte overskrift – max. tre linjer</a:t>
            </a:r>
          </a:p>
        </p:txBody>
      </p:sp>
      <p:sp>
        <p:nvSpPr>
          <p:cNvPr id="57" name="Pladsholder til tekst navn">
            <a:extLst>
              <a:ext uri="{FF2B5EF4-FFF2-40B4-BE49-F238E27FC236}">
                <a16:creationId xmlns:a16="http://schemas.microsoft.com/office/drawing/2014/main" id="{2704DDB4-16E8-0563-66A2-CD390B2ADE8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3292346"/>
            <a:ext cx="396000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fornavn</a:t>
            </a:r>
          </a:p>
        </p:txBody>
      </p:sp>
      <p:sp>
        <p:nvSpPr>
          <p:cNvPr id="58" name="Pladsholder til tekst efternavn">
            <a:extLst>
              <a:ext uri="{FF2B5EF4-FFF2-40B4-BE49-F238E27FC236}">
                <a16:creationId xmlns:a16="http://schemas.microsoft.com/office/drawing/2014/main" id="{F6B382D9-8FC1-3803-166D-0FD261AAD63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000" y="3578598"/>
            <a:ext cx="396000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efternavn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648000" y="3872772"/>
            <a:ext cx="3960000" cy="324000"/>
          </a:xfrm>
          <a:prstGeom prst="rect">
            <a:avLst/>
          </a:prstGeom>
        </p:spPr>
        <p:txBody>
          <a:bodyPr anchor="t" anchorCtr="0"/>
          <a:lstStyle>
            <a:lvl1pPr algn="l">
              <a:defRPr sz="2000">
                <a:solidFill>
                  <a:schemeClr val="bg1"/>
                </a:solidFill>
              </a:defRPr>
            </a:lvl1pPr>
          </a:lstStyle>
          <a:p>
            <a:fld id="{11D385FF-6CE1-4F3A-8740-3430CCA7CC97}" type="datetime2">
              <a:rPr lang="da-DK" smtClean="0"/>
              <a:t>23. september 2025</a:t>
            </a:fld>
            <a:endParaRPr lang="da-DK" dirty="0"/>
          </a:p>
        </p:txBody>
      </p:sp>
      <p:pic>
        <p:nvPicPr>
          <p:cNvPr id="3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C53C385E-1FD3-8063-8CD0-A8351ABAE1E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69129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nimation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F558EE2-5BC5-4E63-8AB4-9F9595058CF5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grpSp>
        <p:nvGrpSpPr>
          <p:cNvPr id="35" name="Group 37">
            <a:extLst>
              <a:ext uri="{FF2B5EF4-FFF2-40B4-BE49-F238E27FC236}">
                <a16:creationId xmlns:a16="http://schemas.microsoft.com/office/drawing/2014/main" id="{345680D0-54A8-BBC5-D9D9-BFE8F7BDC5D5}"/>
              </a:ext>
            </a:extLst>
          </p:cNvPr>
          <p:cNvGrpSpPr/>
          <p:nvPr userDrawn="1"/>
        </p:nvGrpSpPr>
        <p:grpSpPr>
          <a:xfrm>
            <a:off x="9707205" y="1658311"/>
            <a:ext cx="1899131" cy="1532511"/>
            <a:chOff x="7918183" y="1759240"/>
            <a:chExt cx="1670583" cy="1532511"/>
          </a:xfrm>
          <a:solidFill>
            <a:schemeClr val="accent3"/>
          </a:solidFill>
        </p:grpSpPr>
        <p:sp>
          <p:nvSpPr>
            <p:cNvPr id="36" name="Rectangle: Rounded Corners 38">
              <a:extLst>
                <a:ext uri="{FF2B5EF4-FFF2-40B4-BE49-F238E27FC236}">
                  <a16:creationId xmlns:a16="http://schemas.microsoft.com/office/drawing/2014/main" id="{1A4DFA48-D3CA-A2BB-57DD-75958F343582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0244"/>
              </a:avLst>
            </a:prstGeom>
            <a:grpFill/>
            <a:ln w="15875">
              <a:solidFill>
                <a:srgbClr val="7D55C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37" name="Rectangle 39">
              <a:extLst>
                <a:ext uri="{FF2B5EF4-FFF2-40B4-BE49-F238E27FC236}">
                  <a16:creationId xmlns:a16="http://schemas.microsoft.com/office/drawing/2014/main" id="{A15C5EF1-D4CB-00F4-9001-3D2F0EF758F7}"/>
                </a:ext>
              </a:extLst>
            </p:cNvPr>
            <p:cNvSpPr/>
            <p:nvPr/>
          </p:nvSpPr>
          <p:spPr>
            <a:xfrm>
              <a:off x="7918183" y="2007031"/>
              <a:ext cx="1077132" cy="1284720"/>
            </a:xfrm>
            <a:prstGeom prst="rect">
              <a:avLst/>
            </a:prstGeom>
            <a:grpFill/>
            <a:ln w="15875">
              <a:solidFill>
                <a:srgbClr val="7D55C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40" name="Rectangle: Rounded Corners 15">
            <a:extLst>
              <a:ext uri="{FF2B5EF4-FFF2-40B4-BE49-F238E27FC236}">
                <a16:creationId xmlns:a16="http://schemas.microsoft.com/office/drawing/2014/main" id="{D32817E6-8B89-65BB-1D74-551FCEAE35E1}"/>
              </a:ext>
            </a:extLst>
          </p:cNvPr>
          <p:cNvSpPr/>
          <p:nvPr userDrawn="1"/>
        </p:nvSpPr>
        <p:spPr>
          <a:xfrm>
            <a:off x="7758498" y="841163"/>
            <a:ext cx="1670583" cy="1532511"/>
          </a:xfrm>
          <a:prstGeom prst="roundRect">
            <a:avLst>
              <a:gd name="adj" fmla="val 10244"/>
            </a:avLst>
          </a:prstGeom>
          <a:solidFill>
            <a:srgbClr val="F68D2E"/>
          </a:solidFill>
          <a:ln w="15875">
            <a:solidFill>
              <a:srgbClr val="F68D2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1" name="Rectangle: Rounded Corners 9">
            <a:extLst>
              <a:ext uri="{FF2B5EF4-FFF2-40B4-BE49-F238E27FC236}">
                <a16:creationId xmlns:a16="http://schemas.microsoft.com/office/drawing/2014/main" id="{0AD77006-6263-CBA3-95C3-66538B4BD583}"/>
              </a:ext>
            </a:extLst>
          </p:cNvPr>
          <p:cNvSpPr/>
          <p:nvPr userDrawn="1"/>
        </p:nvSpPr>
        <p:spPr>
          <a:xfrm>
            <a:off x="9707205" y="1103147"/>
            <a:ext cx="1899131" cy="1532511"/>
          </a:xfrm>
          <a:prstGeom prst="roundRect">
            <a:avLst>
              <a:gd name="adj" fmla="val 10244"/>
            </a:avLst>
          </a:prstGeom>
          <a:solidFill>
            <a:schemeClr val="accent3"/>
          </a:solidFill>
          <a:ln w="15875">
            <a:solidFill>
              <a:srgbClr val="7D55C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2" name="Rectangle: Rounded Corners 10">
            <a:extLst>
              <a:ext uri="{FF2B5EF4-FFF2-40B4-BE49-F238E27FC236}">
                <a16:creationId xmlns:a16="http://schemas.microsoft.com/office/drawing/2014/main" id="{BA0F0B34-15DF-3C9E-400C-C29A457876C5}"/>
              </a:ext>
            </a:extLst>
          </p:cNvPr>
          <p:cNvSpPr/>
          <p:nvPr userDrawn="1"/>
        </p:nvSpPr>
        <p:spPr>
          <a:xfrm>
            <a:off x="9707205" y="1546370"/>
            <a:ext cx="1899131" cy="1532511"/>
          </a:xfrm>
          <a:prstGeom prst="roundRect">
            <a:avLst>
              <a:gd name="adj" fmla="val 10244"/>
            </a:avLst>
          </a:prstGeom>
          <a:solidFill>
            <a:schemeClr val="accent3"/>
          </a:solidFill>
          <a:ln w="15875">
            <a:solidFill>
              <a:srgbClr val="7D55C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grpSp>
        <p:nvGrpSpPr>
          <p:cNvPr id="43" name="Group 13">
            <a:extLst>
              <a:ext uri="{FF2B5EF4-FFF2-40B4-BE49-F238E27FC236}">
                <a16:creationId xmlns:a16="http://schemas.microsoft.com/office/drawing/2014/main" id="{3F646390-FCF6-092F-FAF1-684918E6C4A4}"/>
              </a:ext>
            </a:extLst>
          </p:cNvPr>
          <p:cNvGrpSpPr/>
          <p:nvPr userDrawn="1"/>
        </p:nvGrpSpPr>
        <p:grpSpPr>
          <a:xfrm>
            <a:off x="7758498" y="1661606"/>
            <a:ext cx="1670583" cy="1532511"/>
            <a:chOff x="7918183" y="1759240"/>
            <a:chExt cx="1670583" cy="1532511"/>
          </a:xfrm>
          <a:solidFill>
            <a:srgbClr val="F68D2E"/>
          </a:solidFill>
        </p:grpSpPr>
        <p:sp>
          <p:nvSpPr>
            <p:cNvPr id="44" name="Rectangle: Rounded Corners 12">
              <a:extLst>
                <a:ext uri="{FF2B5EF4-FFF2-40B4-BE49-F238E27FC236}">
                  <a16:creationId xmlns:a16="http://schemas.microsoft.com/office/drawing/2014/main" id="{05CA8F74-8DAC-9A15-B1FD-4140CA1325C6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0244"/>
              </a:avLst>
            </a:prstGeom>
            <a:grpFill/>
            <a:ln w="15875">
              <a:solidFill>
                <a:srgbClr val="F68D2E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46" name="Rectangle 11">
              <a:extLst>
                <a:ext uri="{FF2B5EF4-FFF2-40B4-BE49-F238E27FC236}">
                  <a16:creationId xmlns:a16="http://schemas.microsoft.com/office/drawing/2014/main" id="{11FBB2EA-3973-25A2-E5D3-1E32F82F86FD}"/>
                </a:ext>
              </a:extLst>
            </p:cNvPr>
            <p:cNvSpPr/>
            <p:nvPr/>
          </p:nvSpPr>
          <p:spPr>
            <a:xfrm>
              <a:off x="7918183" y="2007031"/>
              <a:ext cx="1077132" cy="1284720"/>
            </a:xfrm>
            <a:prstGeom prst="rect">
              <a:avLst/>
            </a:prstGeom>
            <a:grpFill/>
            <a:ln w="15875">
              <a:solidFill>
                <a:srgbClr val="F68D2E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EC2584C0-3DED-D639-DA70-1763518DF8F0}"/>
              </a:ext>
            </a:extLst>
          </p:cNvPr>
          <p:cNvSpPr/>
          <p:nvPr userDrawn="1"/>
        </p:nvSpPr>
        <p:spPr>
          <a:xfrm>
            <a:off x="4640765" y="5672577"/>
            <a:ext cx="2313526" cy="1185422"/>
          </a:xfrm>
          <a:custGeom>
            <a:avLst/>
            <a:gdLst>
              <a:gd name="connsiteX0" fmla="*/ 167145 w 2313526"/>
              <a:gd name="connsiteY0" fmla="*/ 0 h 1185422"/>
              <a:gd name="connsiteX1" fmla="*/ 1203080 w 2313526"/>
              <a:gd name="connsiteY1" fmla="*/ 0 h 1185422"/>
              <a:gd name="connsiteX2" fmla="*/ 2146381 w 2313526"/>
              <a:gd name="connsiteY2" fmla="*/ 0 h 1185422"/>
              <a:gd name="connsiteX3" fmla="*/ 2313525 w 2313526"/>
              <a:gd name="connsiteY3" fmla="*/ 0 h 1185422"/>
              <a:gd name="connsiteX4" fmla="*/ 2313525 w 2313526"/>
              <a:gd name="connsiteY4" fmla="*/ 167140 h 1185422"/>
              <a:gd name="connsiteX5" fmla="*/ 2313526 w 2313526"/>
              <a:gd name="connsiteY5" fmla="*/ 167145 h 1185422"/>
              <a:gd name="connsiteX6" fmla="*/ 2313526 w 2313526"/>
              <a:gd name="connsiteY6" fmla="*/ 1142153 h 1185422"/>
              <a:gd name="connsiteX7" fmla="*/ 2313525 w 2313526"/>
              <a:gd name="connsiteY7" fmla="*/ 1142158 h 1185422"/>
              <a:gd name="connsiteX8" fmla="*/ 2313525 w 2313526"/>
              <a:gd name="connsiteY8" fmla="*/ 1185422 h 1185422"/>
              <a:gd name="connsiteX9" fmla="*/ 1 w 2313526"/>
              <a:gd name="connsiteY9" fmla="*/ 1185422 h 1185422"/>
              <a:gd name="connsiteX10" fmla="*/ 1 w 2313526"/>
              <a:gd name="connsiteY10" fmla="*/ 1142158 h 1185422"/>
              <a:gd name="connsiteX11" fmla="*/ 0 w 2313526"/>
              <a:gd name="connsiteY11" fmla="*/ 1142153 h 1185422"/>
              <a:gd name="connsiteX12" fmla="*/ 0 w 2313526"/>
              <a:gd name="connsiteY12" fmla="*/ 167145 h 1185422"/>
              <a:gd name="connsiteX13" fmla="*/ 167145 w 2313526"/>
              <a:gd name="connsiteY13" fmla="*/ 0 h 11854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2313526" h="1185422">
                <a:moveTo>
                  <a:pt x="167145" y="0"/>
                </a:moveTo>
                <a:lnTo>
                  <a:pt x="1203080" y="0"/>
                </a:lnTo>
                <a:lnTo>
                  <a:pt x="2146381" y="0"/>
                </a:lnTo>
                <a:lnTo>
                  <a:pt x="2313525" y="0"/>
                </a:lnTo>
                <a:lnTo>
                  <a:pt x="2313525" y="167140"/>
                </a:lnTo>
                <a:lnTo>
                  <a:pt x="2313526" y="167145"/>
                </a:lnTo>
                <a:lnTo>
                  <a:pt x="2313526" y="1142153"/>
                </a:lnTo>
                <a:lnTo>
                  <a:pt x="2313525" y="1142158"/>
                </a:lnTo>
                <a:lnTo>
                  <a:pt x="2313525" y="1185422"/>
                </a:lnTo>
                <a:lnTo>
                  <a:pt x="1" y="1185422"/>
                </a:lnTo>
                <a:lnTo>
                  <a:pt x="1" y="1142158"/>
                </a:lnTo>
                <a:lnTo>
                  <a:pt x="0" y="1142153"/>
                </a:lnTo>
                <a:lnTo>
                  <a:pt x="0" y="167145"/>
                </a:lnTo>
                <a:cubicBezTo>
                  <a:pt x="0" y="74833"/>
                  <a:pt x="74833" y="0"/>
                  <a:pt x="167145" y="0"/>
                </a:cubicBezTo>
                <a:close/>
              </a:path>
            </a:pathLst>
          </a:custGeom>
          <a:solidFill>
            <a:schemeClr val="accent1"/>
          </a:solidFill>
          <a:ln w="15875">
            <a:solidFill>
              <a:srgbClr val="38025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B25533A6-5841-A4BC-D9EB-4BC84547556A}"/>
              </a:ext>
            </a:extLst>
          </p:cNvPr>
          <p:cNvSpPr/>
          <p:nvPr userDrawn="1"/>
        </p:nvSpPr>
        <p:spPr>
          <a:xfrm>
            <a:off x="7213491" y="3438552"/>
            <a:ext cx="4978508" cy="2791037"/>
          </a:xfrm>
          <a:custGeom>
            <a:avLst/>
            <a:gdLst>
              <a:gd name="connsiteX0" fmla="*/ 189818 w 4978508"/>
              <a:gd name="connsiteY0" fmla="*/ 0 h 2791037"/>
              <a:gd name="connsiteX1" fmla="*/ 2952066 w 4978508"/>
              <a:gd name="connsiteY1" fmla="*/ 0 h 2791037"/>
              <a:gd name="connsiteX2" fmla="*/ 4897367 w 4978508"/>
              <a:gd name="connsiteY2" fmla="*/ 0 h 2791037"/>
              <a:gd name="connsiteX3" fmla="*/ 4978508 w 4978508"/>
              <a:gd name="connsiteY3" fmla="*/ 0 h 2791037"/>
              <a:gd name="connsiteX4" fmla="*/ 4978508 w 4978508"/>
              <a:gd name="connsiteY4" fmla="*/ 2790000 h 2791037"/>
              <a:gd name="connsiteX5" fmla="*/ 4907654 w 4978508"/>
              <a:gd name="connsiteY5" fmla="*/ 2790000 h 2791037"/>
              <a:gd name="connsiteX6" fmla="*/ 4897367 w 4978508"/>
              <a:gd name="connsiteY6" fmla="*/ 2791037 h 2791037"/>
              <a:gd name="connsiteX7" fmla="*/ 189818 w 4978508"/>
              <a:gd name="connsiteY7" fmla="*/ 2791037 h 2791037"/>
              <a:gd name="connsiteX8" fmla="*/ 0 w 4978508"/>
              <a:gd name="connsiteY8" fmla="*/ 2601219 h 2791037"/>
              <a:gd name="connsiteX9" fmla="*/ 0 w 4978508"/>
              <a:gd name="connsiteY9" fmla="*/ 189818 h 2791037"/>
              <a:gd name="connsiteX10" fmla="*/ 189818 w 4978508"/>
              <a:gd name="connsiteY10" fmla="*/ 0 h 2791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978508" h="2791037">
                <a:moveTo>
                  <a:pt x="189818" y="0"/>
                </a:moveTo>
                <a:lnTo>
                  <a:pt x="2952066" y="0"/>
                </a:lnTo>
                <a:lnTo>
                  <a:pt x="4897367" y="0"/>
                </a:lnTo>
                <a:lnTo>
                  <a:pt x="4978508" y="0"/>
                </a:lnTo>
                <a:lnTo>
                  <a:pt x="4978508" y="2790000"/>
                </a:lnTo>
                <a:lnTo>
                  <a:pt x="4907654" y="2790000"/>
                </a:lnTo>
                <a:lnTo>
                  <a:pt x="4897367" y="2791037"/>
                </a:lnTo>
                <a:lnTo>
                  <a:pt x="189818" y="2791037"/>
                </a:lnTo>
                <a:cubicBezTo>
                  <a:pt x="84984" y="2791037"/>
                  <a:pt x="0" y="2706053"/>
                  <a:pt x="0" y="2601219"/>
                </a:cubicBezTo>
                <a:lnTo>
                  <a:pt x="0" y="189818"/>
                </a:lnTo>
                <a:cubicBezTo>
                  <a:pt x="0" y="84984"/>
                  <a:pt x="84984" y="0"/>
                  <a:pt x="189818" y="0"/>
                </a:cubicBezTo>
                <a:close/>
              </a:path>
            </a:pathLst>
          </a:custGeom>
          <a:solidFill>
            <a:schemeClr val="bg1"/>
          </a:solidFill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01" name="Kombinationstegning: figur 100">
            <a:extLst>
              <a:ext uri="{FF2B5EF4-FFF2-40B4-BE49-F238E27FC236}">
                <a16:creationId xmlns:a16="http://schemas.microsoft.com/office/drawing/2014/main" id="{08BFB9B9-F32C-192D-99A4-E53272102434}"/>
              </a:ext>
            </a:extLst>
          </p:cNvPr>
          <p:cNvSpPr/>
          <p:nvPr userDrawn="1"/>
        </p:nvSpPr>
        <p:spPr>
          <a:xfrm>
            <a:off x="2996094" y="1524105"/>
            <a:ext cx="4512666" cy="1656915"/>
          </a:xfrm>
          <a:custGeom>
            <a:avLst/>
            <a:gdLst>
              <a:gd name="connsiteX0" fmla="*/ 158931 w 4512666"/>
              <a:gd name="connsiteY0" fmla="*/ 0 h 1656915"/>
              <a:gd name="connsiteX1" fmla="*/ 4353735 w 4512666"/>
              <a:gd name="connsiteY1" fmla="*/ 0 h 1656915"/>
              <a:gd name="connsiteX2" fmla="*/ 4512666 w 4512666"/>
              <a:gd name="connsiteY2" fmla="*/ 158931 h 1656915"/>
              <a:gd name="connsiteX3" fmla="*/ 4512666 w 4512666"/>
              <a:gd name="connsiteY3" fmla="*/ 990165 h 1656915"/>
              <a:gd name="connsiteX4" fmla="*/ 4512666 w 4512666"/>
              <a:gd name="connsiteY4" fmla="*/ 1497984 h 1656915"/>
              <a:gd name="connsiteX5" fmla="*/ 4512666 w 4512666"/>
              <a:gd name="connsiteY5" fmla="*/ 1656915 h 1656915"/>
              <a:gd name="connsiteX6" fmla="*/ 4353735 w 4512666"/>
              <a:gd name="connsiteY6" fmla="*/ 1656915 h 1656915"/>
              <a:gd name="connsiteX7" fmla="*/ 3741141 w 4512666"/>
              <a:gd name="connsiteY7" fmla="*/ 1656915 h 1656915"/>
              <a:gd name="connsiteX8" fmla="*/ 158931 w 4512666"/>
              <a:gd name="connsiteY8" fmla="*/ 1656915 h 1656915"/>
              <a:gd name="connsiteX9" fmla="*/ 0 w 4512666"/>
              <a:gd name="connsiteY9" fmla="*/ 1497984 h 1656915"/>
              <a:gd name="connsiteX10" fmla="*/ 0 w 4512666"/>
              <a:gd name="connsiteY10" fmla="*/ 158931 h 1656915"/>
              <a:gd name="connsiteX11" fmla="*/ 158931 w 4512666"/>
              <a:gd name="connsiteY11" fmla="*/ 0 h 16569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512666" h="1656915">
                <a:moveTo>
                  <a:pt x="158931" y="0"/>
                </a:moveTo>
                <a:lnTo>
                  <a:pt x="4353735" y="0"/>
                </a:lnTo>
                <a:cubicBezTo>
                  <a:pt x="4441510" y="0"/>
                  <a:pt x="4512666" y="71156"/>
                  <a:pt x="4512666" y="158931"/>
                </a:cubicBezTo>
                <a:lnTo>
                  <a:pt x="4512666" y="990165"/>
                </a:lnTo>
                <a:lnTo>
                  <a:pt x="4512666" y="1497984"/>
                </a:lnTo>
                <a:lnTo>
                  <a:pt x="4512666" y="1656915"/>
                </a:lnTo>
                <a:lnTo>
                  <a:pt x="4353735" y="1656915"/>
                </a:lnTo>
                <a:lnTo>
                  <a:pt x="3741141" y="1656915"/>
                </a:lnTo>
                <a:lnTo>
                  <a:pt x="158931" y="1656915"/>
                </a:lnTo>
                <a:cubicBezTo>
                  <a:pt x="71156" y="1656915"/>
                  <a:pt x="0" y="1585759"/>
                  <a:pt x="0" y="1497984"/>
                </a:cubicBezTo>
                <a:lnTo>
                  <a:pt x="0" y="158931"/>
                </a:lnTo>
                <a:cubicBezTo>
                  <a:pt x="0" y="71156"/>
                  <a:pt x="71156" y="0"/>
                  <a:pt x="158931" y="0"/>
                </a:cubicBez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78C65111-0D27-639E-EDD8-E12C1BEF8558}"/>
              </a:ext>
            </a:extLst>
          </p:cNvPr>
          <p:cNvSpPr/>
          <p:nvPr userDrawn="1"/>
        </p:nvSpPr>
        <p:spPr>
          <a:xfrm>
            <a:off x="0" y="0"/>
            <a:ext cx="2746356" cy="3171633"/>
          </a:xfrm>
          <a:custGeom>
            <a:avLst/>
            <a:gdLst>
              <a:gd name="connsiteX0" fmla="*/ 0 w 2746356"/>
              <a:gd name="connsiteY0" fmla="*/ 0 h 3171633"/>
              <a:gd name="connsiteX1" fmla="*/ 2746356 w 2746356"/>
              <a:gd name="connsiteY1" fmla="*/ 0 h 3171633"/>
              <a:gd name="connsiteX2" fmla="*/ 2746356 w 2746356"/>
              <a:gd name="connsiteY2" fmla="*/ 419000 h 3171633"/>
              <a:gd name="connsiteX3" fmla="*/ 2746355 w 2746356"/>
              <a:gd name="connsiteY3" fmla="*/ 419000 h 3171633"/>
              <a:gd name="connsiteX4" fmla="*/ 2746355 w 2746356"/>
              <a:gd name="connsiteY4" fmla="*/ 2989328 h 3171633"/>
              <a:gd name="connsiteX5" fmla="*/ 2564051 w 2746356"/>
              <a:gd name="connsiteY5" fmla="*/ 3171632 h 3171633"/>
              <a:gd name="connsiteX6" fmla="*/ 417450 w 2746356"/>
              <a:gd name="connsiteY6" fmla="*/ 3171632 h 3171633"/>
              <a:gd name="connsiteX7" fmla="*/ 417450 w 2746356"/>
              <a:gd name="connsiteY7" fmla="*/ 3171633 h 3171633"/>
              <a:gd name="connsiteX8" fmla="*/ 0 w 2746356"/>
              <a:gd name="connsiteY8" fmla="*/ 3171633 h 31716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46356" h="3171633">
                <a:moveTo>
                  <a:pt x="0" y="0"/>
                </a:moveTo>
                <a:lnTo>
                  <a:pt x="2746356" y="0"/>
                </a:lnTo>
                <a:lnTo>
                  <a:pt x="2746356" y="419000"/>
                </a:lnTo>
                <a:lnTo>
                  <a:pt x="2746355" y="419000"/>
                </a:lnTo>
                <a:lnTo>
                  <a:pt x="2746355" y="2989328"/>
                </a:lnTo>
                <a:cubicBezTo>
                  <a:pt x="2746355" y="3090012"/>
                  <a:pt x="2664735" y="3171632"/>
                  <a:pt x="2564051" y="3171632"/>
                </a:cubicBezTo>
                <a:lnTo>
                  <a:pt x="417450" y="3171632"/>
                </a:lnTo>
                <a:lnTo>
                  <a:pt x="417450" y="3171633"/>
                </a:lnTo>
                <a:lnTo>
                  <a:pt x="0" y="3171633"/>
                </a:lnTo>
                <a:close/>
              </a:path>
            </a:pathLst>
          </a:custGeom>
          <a:solidFill>
            <a:schemeClr val="bg1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24" name="Rectangle: Rounded Corners 6">
            <a:extLst>
              <a:ext uri="{FF2B5EF4-FFF2-40B4-BE49-F238E27FC236}">
                <a16:creationId xmlns:a16="http://schemas.microsoft.com/office/drawing/2014/main" id="{5EBC8348-21D0-9C68-0D0B-4E2FD2EB8293}"/>
              </a:ext>
            </a:extLst>
          </p:cNvPr>
          <p:cNvSpPr/>
          <p:nvPr userDrawn="1"/>
        </p:nvSpPr>
        <p:spPr>
          <a:xfrm>
            <a:off x="5283708" y="3438552"/>
            <a:ext cx="1670584" cy="1976493"/>
          </a:xfrm>
          <a:prstGeom prst="roundRect">
            <a:avLst>
              <a:gd name="adj" fmla="val 8947"/>
            </a:avLst>
          </a:prstGeom>
          <a:noFill/>
          <a:ln w="15875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grpSp>
        <p:nvGrpSpPr>
          <p:cNvPr id="125" name="Group 16">
            <a:extLst>
              <a:ext uri="{FF2B5EF4-FFF2-40B4-BE49-F238E27FC236}">
                <a16:creationId xmlns:a16="http://schemas.microsoft.com/office/drawing/2014/main" id="{2183D9D5-BB0C-1F7E-9DDD-0E9320A0246A}"/>
              </a:ext>
            </a:extLst>
          </p:cNvPr>
          <p:cNvGrpSpPr/>
          <p:nvPr userDrawn="1"/>
        </p:nvGrpSpPr>
        <p:grpSpPr>
          <a:xfrm>
            <a:off x="-1" y="3438552"/>
            <a:ext cx="5024505" cy="1976493"/>
            <a:chOff x="7949655" y="1759240"/>
            <a:chExt cx="1639111" cy="1532511"/>
          </a:xfrm>
          <a:solidFill>
            <a:srgbClr val="F68D2E"/>
          </a:solidFill>
        </p:grpSpPr>
        <p:sp>
          <p:nvSpPr>
            <p:cNvPr id="126" name="Rectangle: Rounded Corners 17">
              <a:extLst>
                <a:ext uri="{FF2B5EF4-FFF2-40B4-BE49-F238E27FC236}">
                  <a16:creationId xmlns:a16="http://schemas.microsoft.com/office/drawing/2014/main" id="{11DF771D-BDC7-951A-E008-8F0D92749B56}"/>
                </a:ext>
              </a:extLst>
            </p:cNvPr>
            <p:cNvSpPr/>
            <p:nvPr/>
          </p:nvSpPr>
          <p:spPr>
            <a:xfrm>
              <a:off x="7949655" y="1759240"/>
              <a:ext cx="1639111" cy="1532511"/>
            </a:xfrm>
            <a:prstGeom prst="roundRect">
              <a:avLst>
                <a:gd name="adj" fmla="val 8127"/>
              </a:avLst>
            </a:prstGeom>
            <a:grpFill/>
            <a:ln w="15875">
              <a:solidFill>
                <a:srgbClr val="F68D2E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127" name="Rectangle 18">
              <a:extLst>
                <a:ext uri="{FF2B5EF4-FFF2-40B4-BE49-F238E27FC236}">
                  <a16:creationId xmlns:a16="http://schemas.microsoft.com/office/drawing/2014/main" id="{F2C02440-8E00-B5FA-BFDD-3A391A4D4FDE}"/>
                </a:ext>
              </a:extLst>
            </p:cNvPr>
            <p:cNvSpPr/>
            <p:nvPr/>
          </p:nvSpPr>
          <p:spPr>
            <a:xfrm>
              <a:off x="7949655" y="1759240"/>
              <a:ext cx="1639111" cy="1284720"/>
            </a:xfrm>
            <a:prstGeom prst="rect">
              <a:avLst/>
            </a:prstGeom>
            <a:grpFill/>
            <a:ln w="15875">
              <a:solidFill>
                <a:srgbClr val="F68D2E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  <p:sp>
          <p:nvSpPr>
            <p:cNvPr id="128" name="Rectangle 14">
              <a:extLst>
                <a:ext uri="{FF2B5EF4-FFF2-40B4-BE49-F238E27FC236}">
                  <a16:creationId xmlns:a16="http://schemas.microsoft.com/office/drawing/2014/main" id="{CF46447D-E921-4E77-CFF8-85D1BA1132BD}"/>
                </a:ext>
              </a:extLst>
            </p:cNvPr>
            <p:cNvSpPr/>
            <p:nvPr/>
          </p:nvSpPr>
          <p:spPr>
            <a:xfrm>
              <a:off x="7949655" y="2007031"/>
              <a:ext cx="1355322" cy="1284720"/>
            </a:xfrm>
            <a:prstGeom prst="rect">
              <a:avLst/>
            </a:prstGeom>
            <a:grpFill/>
            <a:ln w="15875">
              <a:solidFill>
                <a:srgbClr val="F68D2E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129" name="Freeform: Shape 8">
            <a:extLst>
              <a:ext uri="{FF2B5EF4-FFF2-40B4-BE49-F238E27FC236}">
                <a16:creationId xmlns:a16="http://schemas.microsoft.com/office/drawing/2014/main" id="{E5C54FDE-EEFF-701F-69E3-8308F636AF53}"/>
              </a:ext>
            </a:extLst>
          </p:cNvPr>
          <p:cNvSpPr/>
          <p:nvPr userDrawn="1"/>
        </p:nvSpPr>
        <p:spPr>
          <a:xfrm>
            <a:off x="5283707" y="3438552"/>
            <a:ext cx="1521117" cy="1976493"/>
          </a:xfrm>
          <a:custGeom>
            <a:avLst/>
            <a:gdLst>
              <a:gd name="connsiteX0" fmla="*/ 0 w 1670584"/>
              <a:gd name="connsiteY0" fmla="*/ 0 h 1976493"/>
              <a:gd name="connsiteX1" fmla="*/ 149467 w 1670584"/>
              <a:gd name="connsiteY1" fmla="*/ 0 h 1976493"/>
              <a:gd name="connsiteX2" fmla="*/ 1280462 w 1670584"/>
              <a:gd name="connsiteY2" fmla="*/ 0 h 1976493"/>
              <a:gd name="connsiteX3" fmla="*/ 1521117 w 1670584"/>
              <a:gd name="connsiteY3" fmla="*/ 0 h 1976493"/>
              <a:gd name="connsiteX4" fmla="*/ 1670584 w 1670584"/>
              <a:gd name="connsiteY4" fmla="*/ 149467 h 1976493"/>
              <a:gd name="connsiteX5" fmla="*/ 1670584 w 1670584"/>
              <a:gd name="connsiteY5" fmla="*/ 1827026 h 1976493"/>
              <a:gd name="connsiteX6" fmla="*/ 1521117 w 1670584"/>
              <a:gd name="connsiteY6" fmla="*/ 1976493 h 1976493"/>
              <a:gd name="connsiteX7" fmla="*/ 149467 w 1670584"/>
              <a:gd name="connsiteY7" fmla="*/ 1976493 h 1976493"/>
              <a:gd name="connsiteX8" fmla="*/ 0 w 1670584"/>
              <a:gd name="connsiteY8" fmla="*/ 1827026 h 1976493"/>
              <a:gd name="connsiteX9" fmla="*/ 0 w 1670584"/>
              <a:gd name="connsiteY9" fmla="*/ 1552142 h 1976493"/>
              <a:gd name="connsiteX10" fmla="*/ 0 w 1670584"/>
              <a:gd name="connsiteY10" fmla="*/ 149467 h 1976493"/>
              <a:gd name="connsiteX0" fmla="*/ 1670584 w 1762024"/>
              <a:gd name="connsiteY0" fmla="*/ 149467 h 1976493"/>
              <a:gd name="connsiteX1" fmla="*/ 1670584 w 1762024"/>
              <a:gd name="connsiteY1" fmla="*/ 1827026 h 1976493"/>
              <a:gd name="connsiteX2" fmla="*/ 1521117 w 1762024"/>
              <a:gd name="connsiteY2" fmla="*/ 1976493 h 1976493"/>
              <a:gd name="connsiteX3" fmla="*/ 149467 w 1762024"/>
              <a:gd name="connsiteY3" fmla="*/ 1976493 h 1976493"/>
              <a:gd name="connsiteX4" fmla="*/ 0 w 1762024"/>
              <a:gd name="connsiteY4" fmla="*/ 1827026 h 1976493"/>
              <a:gd name="connsiteX5" fmla="*/ 0 w 1762024"/>
              <a:gd name="connsiteY5" fmla="*/ 1552142 h 1976493"/>
              <a:gd name="connsiteX6" fmla="*/ 0 w 1762024"/>
              <a:gd name="connsiteY6" fmla="*/ 149467 h 1976493"/>
              <a:gd name="connsiteX7" fmla="*/ 0 w 1762024"/>
              <a:gd name="connsiteY7" fmla="*/ 0 h 1976493"/>
              <a:gd name="connsiteX8" fmla="*/ 149467 w 1762024"/>
              <a:gd name="connsiteY8" fmla="*/ 0 h 1976493"/>
              <a:gd name="connsiteX9" fmla="*/ 1280462 w 1762024"/>
              <a:gd name="connsiteY9" fmla="*/ 0 h 1976493"/>
              <a:gd name="connsiteX10" fmla="*/ 1521117 w 1762024"/>
              <a:gd name="connsiteY10" fmla="*/ 0 h 1976493"/>
              <a:gd name="connsiteX11" fmla="*/ 1762024 w 1762024"/>
              <a:gd name="connsiteY11" fmla="*/ 240907 h 1976493"/>
              <a:gd name="connsiteX0" fmla="*/ 1670584 w 1670584"/>
              <a:gd name="connsiteY0" fmla="*/ 149467 h 1976493"/>
              <a:gd name="connsiteX1" fmla="*/ 1670584 w 1670584"/>
              <a:gd name="connsiteY1" fmla="*/ 1827026 h 1976493"/>
              <a:gd name="connsiteX2" fmla="*/ 1521117 w 1670584"/>
              <a:gd name="connsiteY2" fmla="*/ 1976493 h 1976493"/>
              <a:gd name="connsiteX3" fmla="*/ 149467 w 1670584"/>
              <a:gd name="connsiteY3" fmla="*/ 1976493 h 1976493"/>
              <a:gd name="connsiteX4" fmla="*/ 0 w 1670584"/>
              <a:gd name="connsiteY4" fmla="*/ 1827026 h 1976493"/>
              <a:gd name="connsiteX5" fmla="*/ 0 w 1670584"/>
              <a:gd name="connsiteY5" fmla="*/ 1552142 h 1976493"/>
              <a:gd name="connsiteX6" fmla="*/ 0 w 1670584"/>
              <a:gd name="connsiteY6" fmla="*/ 149467 h 1976493"/>
              <a:gd name="connsiteX7" fmla="*/ 0 w 1670584"/>
              <a:gd name="connsiteY7" fmla="*/ 0 h 1976493"/>
              <a:gd name="connsiteX8" fmla="*/ 149467 w 1670584"/>
              <a:gd name="connsiteY8" fmla="*/ 0 h 1976493"/>
              <a:gd name="connsiteX9" fmla="*/ 1280462 w 1670584"/>
              <a:gd name="connsiteY9" fmla="*/ 0 h 1976493"/>
              <a:gd name="connsiteX10" fmla="*/ 1521117 w 1670584"/>
              <a:gd name="connsiteY10" fmla="*/ 0 h 1976493"/>
              <a:gd name="connsiteX0" fmla="*/ 1670584 w 1670584"/>
              <a:gd name="connsiteY0" fmla="*/ 1827026 h 1976493"/>
              <a:gd name="connsiteX1" fmla="*/ 1521117 w 1670584"/>
              <a:gd name="connsiteY1" fmla="*/ 1976493 h 1976493"/>
              <a:gd name="connsiteX2" fmla="*/ 149467 w 1670584"/>
              <a:gd name="connsiteY2" fmla="*/ 1976493 h 1976493"/>
              <a:gd name="connsiteX3" fmla="*/ 0 w 1670584"/>
              <a:gd name="connsiteY3" fmla="*/ 1827026 h 1976493"/>
              <a:gd name="connsiteX4" fmla="*/ 0 w 1670584"/>
              <a:gd name="connsiteY4" fmla="*/ 1552142 h 1976493"/>
              <a:gd name="connsiteX5" fmla="*/ 0 w 1670584"/>
              <a:gd name="connsiteY5" fmla="*/ 149467 h 1976493"/>
              <a:gd name="connsiteX6" fmla="*/ 0 w 1670584"/>
              <a:gd name="connsiteY6" fmla="*/ 0 h 1976493"/>
              <a:gd name="connsiteX7" fmla="*/ 149467 w 1670584"/>
              <a:gd name="connsiteY7" fmla="*/ 0 h 1976493"/>
              <a:gd name="connsiteX8" fmla="*/ 1280462 w 1670584"/>
              <a:gd name="connsiteY8" fmla="*/ 0 h 1976493"/>
              <a:gd name="connsiteX9" fmla="*/ 1521117 w 1670584"/>
              <a:gd name="connsiteY9" fmla="*/ 0 h 1976493"/>
              <a:gd name="connsiteX0" fmla="*/ 1521117 w 1521117"/>
              <a:gd name="connsiteY0" fmla="*/ 1976493 h 1976493"/>
              <a:gd name="connsiteX1" fmla="*/ 149467 w 1521117"/>
              <a:gd name="connsiteY1" fmla="*/ 1976493 h 1976493"/>
              <a:gd name="connsiteX2" fmla="*/ 0 w 1521117"/>
              <a:gd name="connsiteY2" fmla="*/ 1827026 h 1976493"/>
              <a:gd name="connsiteX3" fmla="*/ 0 w 1521117"/>
              <a:gd name="connsiteY3" fmla="*/ 1552142 h 1976493"/>
              <a:gd name="connsiteX4" fmla="*/ 0 w 1521117"/>
              <a:gd name="connsiteY4" fmla="*/ 149467 h 1976493"/>
              <a:gd name="connsiteX5" fmla="*/ 0 w 1521117"/>
              <a:gd name="connsiteY5" fmla="*/ 0 h 1976493"/>
              <a:gd name="connsiteX6" fmla="*/ 149467 w 1521117"/>
              <a:gd name="connsiteY6" fmla="*/ 0 h 1976493"/>
              <a:gd name="connsiteX7" fmla="*/ 1280462 w 1521117"/>
              <a:gd name="connsiteY7" fmla="*/ 0 h 1976493"/>
              <a:gd name="connsiteX8" fmla="*/ 1521117 w 1521117"/>
              <a:gd name="connsiteY8" fmla="*/ 0 h 19764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1117" h="1976493">
                <a:moveTo>
                  <a:pt x="1521117" y="1976493"/>
                </a:moveTo>
                <a:lnTo>
                  <a:pt x="149467" y="1976493"/>
                </a:lnTo>
                <a:cubicBezTo>
                  <a:pt x="66919" y="1976493"/>
                  <a:pt x="0" y="1909574"/>
                  <a:pt x="0" y="1827026"/>
                </a:cubicBezTo>
                <a:lnTo>
                  <a:pt x="0" y="1552142"/>
                </a:lnTo>
                <a:lnTo>
                  <a:pt x="0" y="149467"/>
                </a:lnTo>
                <a:lnTo>
                  <a:pt x="0" y="0"/>
                </a:lnTo>
                <a:lnTo>
                  <a:pt x="149467" y="0"/>
                </a:lnTo>
                <a:lnTo>
                  <a:pt x="1280462" y="0"/>
                </a:lnTo>
                <a:lnTo>
                  <a:pt x="1521117" y="0"/>
                </a:lnTo>
              </a:path>
            </a:pathLst>
          </a:custGeom>
          <a:solidFill>
            <a:schemeClr val="bg2"/>
          </a:solidFill>
          <a:ln w="15875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47999" y="647999"/>
            <a:ext cx="6246514" cy="2052000"/>
          </a:xfrm>
        </p:spPr>
        <p:txBody>
          <a:bodyPr anchor="t" anchorCtr="0"/>
          <a:lstStyle>
            <a:lvl1pPr algn="l">
              <a:defRPr sz="48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indsætte overskrift – max. tre linjer</a:t>
            </a:r>
          </a:p>
        </p:txBody>
      </p:sp>
      <p:sp>
        <p:nvSpPr>
          <p:cNvPr id="4" name="Dynamic cover logo lilla" descr="{&quot;templafy&quot;:{&quot;id&quot;:&quot;fa69cddb-3d60-4a87-aa0a-bb2e1c18af15&quot;}}" title="UserProfile.LogoSelection.LogoStandard2023_{{DocumentLanguage}}">
            <a:extLst>
              <a:ext uri="{FF2B5EF4-FFF2-40B4-BE49-F238E27FC236}">
                <a16:creationId xmlns:a16="http://schemas.microsoft.com/office/drawing/2014/main" id="{BB5C3727-BDA3-159F-6E9D-686B1875C229}"/>
              </a:ext>
            </a:extLst>
          </p:cNvPr>
          <p:cNvSpPr/>
          <p:nvPr userDrawn="1"/>
        </p:nvSpPr>
        <p:spPr>
          <a:xfrm>
            <a:off x="0" y="5958000"/>
            <a:ext cx="3240000" cy="900000"/>
          </a:xfrm>
          <a:prstGeom prst="rect">
            <a:avLst/>
          </a:prstGeom>
          <a:noFill/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3" name="Dynamic cover logo lilla" descr="{&quot;templafy&quot;:{&quot;id&quot;:&quot;d91da4fb-296f-469b-9294-8e81cf84b23d&quot;}}">
            <a:extLst>
              <a:ext uri="{FF2B5EF4-FFF2-40B4-BE49-F238E27FC236}">
                <a16:creationId xmlns:a16="http://schemas.microsoft.com/office/drawing/2014/main" id="{16DE3B9E-3FC6-5861-D1E1-E41AA7BFEED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834703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repeatCount="indefinite" accel="50000" decel="50000" autoRev="1" fill="hold" grpId="0" nodeType="withEffect">
                                  <p:stCondLst>
                                    <p:cond delay="2800"/>
                                  </p:stCondLst>
                                  <p:childTnLst>
                                    <p:animMotion origin="layout" path="M 2.29167E-6 7.40741E-7 L 2.29167E-6 0.03356 " pathEditMode="relative" rAng="0" ptsTypes="AA">
                                      <p:cBhvr>
                                        <p:cTn id="6" dur="6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667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repeatCount="indefinite" accel="50000" decel="50000" autoRev="1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animMotion origin="layout" path="M 1.45833E-6 -3.7037E-6 L -0.00013 -0.1 " pathEditMode="relative" rAng="0" ptsTypes="AA">
                                      <p:cBhvr>
                                        <p:cTn id="8" dur="675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3" y="-5000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42" presetClass="path" presetSubtype="0" repeatCount="indefinite" accel="68000" decel="14000" autoRev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16667E-7 -3.7037E-7 L -0.0931 -3.7037E-7 " pathEditMode="relative" rAng="0" ptsTypes="AA">
                                      <p:cBhvr>
                                        <p:cTn id="10" dur="55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4661" y="0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42" presetClass="path" presetSubtype="0" repeatCount="indefinite" accel="68000" decel="14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125E-6 -3.7037E-7 L -0.0931 -3.7037E-7 " pathEditMode="relative" rAng="0" ptsTypes="AA">
                                      <p:cBhvr>
                                        <p:cTn id="12" dur="550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4661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" grpId="0" animBg="1"/>
      <p:bldP spid="41" grpId="0" animBg="1"/>
      <p:bldP spid="129" grpId="0" animBg="1"/>
    </p:bld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animation 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8B07CA3-2C59-4ADB-B7C9-DF67464564EF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2" name="Kombinationstegning: figur 31">
            <a:extLst>
              <a:ext uri="{FF2B5EF4-FFF2-40B4-BE49-F238E27FC236}">
                <a16:creationId xmlns:a16="http://schemas.microsoft.com/office/drawing/2014/main" id="{58E431ED-E98C-0B05-A685-B8623369B24F}"/>
              </a:ext>
            </a:extLst>
          </p:cNvPr>
          <p:cNvSpPr/>
          <p:nvPr userDrawn="1"/>
        </p:nvSpPr>
        <p:spPr>
          <a:xfrm>
            <a:off x="6822141" y="4204446"/>
            <a:ext cx="5369859" cy="2656745"/>
          </a:xfrm>
          <a:custGeom>
            <a:avLst/>
            <a:gdLst>
              <a:gd name="connsiteX0" fmla="*/ 186052 w 5369859"/>
              <a:gd name="connsiteY0" fmla="*/ 0 h 2656745"/>
              <a:gd name="connsiteX1" fmla="*/ 662859 w 5369859"/>
              <a:gd name="connsiteY1" fmla="*/ 0 h 2656745"/>
              <a:gd name="connsiteX2" fmla="*/ 5183807 w 5369859"/>
              <a:gd name="connsiteY2" fmla="*/ 0 h 2656745"/>
              <a:gd name="connsiteX3" fmla="*/ 5369859 w 5369859"/>
              <a:gd name="connsiteY3" fmla="*/ 0 h 2656745"/>
              <a:gd name="connsiteX4" fmla="*/ 5369859 w 5369859"/>
              <a:gd name="connsiteY4" fmla="*/ 186052 h 2656745"/>
              <a:gd name="connsiteX5" fmla="*/ 5369859 w 5369859"/>
              <a:gd name="connsiteY5" fmla="*/ 429570 h 2656745"/>
              <a:gd name="connsiteX6" fmla="*/ 5369859 w 5369859"/>
              <a:gd name="connsiteY6" fmla="*/ 2470693 h 2656745"/>
              <a:gd name="connsiteX7" fmla="*/ 5369859 w 5369859"/>
              <a:gd name="connsiteY7" fmla="*/ 2656745 h 2656745"/>
              <a:gd name="connsiteX8" fmla="*/ 5183807 w 5369859"/>
              <a:gd name="connsiteY8" fmla="*/ 2656745 h 2656745"/>
              <a:gd name="connsiteX9" fmla="*/ 186052 w 5369859"/>
              <a:gd name="connsiteY9" fmla="*/ 2656745 h 2656745"/>
              <a:gd name="connsiteX10" fmla="*/ 0 w 5369859"/>
              <a:gd name="connsiteY10" fmla="*/ 2656745 h 2656745"/>
              <a:gd name="connsiteX11" fmla="*/ 0 w 5369859"/>
              <a:gd name="connsiteY11" fmla="*/ 2470693 h 2656745"/>
              <a:gd name="connsiteX12" fmla="*/ 0 w 5369859"/>
              <a:gd name="connsiteY12" fmla="*/ 429570 h 2656745"/>
              <a:gd name="connsiteX13" fmla="*/ 0 w 5369859"/>
              <a:gd name="connsiteY13" fmla="*/ 186052 h 2656745"/>
              <a:gd name="connsiteX14" fmla="*/ 186052 w 5369859"/>
              <a:gd name="connsiteY14" fmla="*/ 0 h 2656745"/>
              <a:gd name="connsiteX0" fmla="*/ 5369859 w 5461299"/>
              <a:gd name="connsiteY0" fmla="*/ 186052 h 2656745"/>
              <a:gd name="connsiteX1" fmla="*/ 5369859 w 5461299"/>
              <a:gd name="connsiteY1" fmla="*/ 429570 h 2656745"/>
              <a:gd name="connsiteX2" fmla="*/ 5369859 w 5461299"/>
              <a:gd name="connsiteY2" fmla="*/ 2470693 h 2656745"/>
              <a:gd name="connsiteX3" fmla="*/ 5369859 w 5461299"/>
              <a:gd name="connsiteY3" fmla="*/ 2656745 h 2656745"/>
              <a:gd name="connsiteX4" fmla="*/ 5183807 w 5461299"/>
              <a:gd name="connsiteY4" fmla="*/ 2656745 h 2656745"/>
              <a:gd name="connsiteX5" fmla="*/ 186052 w 5461299"/>
              <a:gd name="connsiteY5" fmla="*/ 2656745 h 2656745"/>
              <a:gd name="connsiteX6" fmla="*/ 0 w 5461299"/>
              <a:gd name="connsiteY6" fmla="*/ 2656745 h 2656745"/>
              <a:gd name="connsiteX7" fmla="*/ 0 w 5461299"/>
              <a:gd name="connsiteY7" fmla="*/ 2470693 h 2656745"/>
              <a:gd name="connsiteX8" fmla="*/ 0 w 5461299"/>
              <a:gd name="connsiteY8" fmla="*/ 429570 h 2656745"/>
              <a:gd name="connsiteX9" fmla="*/ 0 w 5461299"/>
              <a:gd name="connsiteY9" fmla="*/ 186052 h 2656745"/>
              <a:gd name="connsiteX10" fmla="*/ 186052 w 5461299"/>
              <a:gd name="connsiteY10" fmla="*/ 0 h 2656745"/>
              <a:gd name="connsiteX11" fmla="*/ 662859 w 5461299"/>
              <a:gd name="connsiteY11" fmla="*/ 0 h 2656745"/>
              <a:gd name="connsiteX12" fmla="*/ 5183807 w 5461299"/>
              <a:gd name="connsiteY12" fmla="*/ 0 h 2656745"/>
              <a:gd name="connsiteX13" fmla="*/ 5369859 w 5461299"/>
              <a:gd name="connsiteY13" fmla="*/ 0 h 2656745"/>
              <a:gd name="connsiteX14" fmla="*/ 5461299 w 5461299"/>
              <a:gd name="connsiteY14" fmla="*/ 277492 h 2656745"/>
              <a:gd name="connsiteX0" fmla="*/ 5369859 w 5461299"/>
              <a:gd name="connsiteY0" fmla="*/ 429570 h 2656745"/>
              <a:gd name="connsiteX1" fmla="*/ 5369859 w 5461299"/>
              <a:gd name="connsiteY1" fmla="*/ 2470693 h 2656745"/>
              <a:gd name="connsiteX2" fmla="*/ 5369859 w 5461299"/>
              <a:gd name="connsiteY2" fmla="*/ 2656745 h 2656745"/>
              <a:gd name="connsiteX3" fmla="*/ 5183807 w 5461299"/>
              <a:gd name="connsiteY3" fmla="*/ 2656745 h 2656745"/>
              <a:gd name="connsiteX4" fmla="*/ 186052 w 5461299"/>
              <a:gd name="connsiteY4" fmla="*/ 2656745 h 2656745"/>
              <a:gd name="connsiteX5" fmla="*/ 0 w 5461299"/>
              <a:gd name="connsiteY5" fmla="*/ 2656745 h 2656745"/>
              <a:gd name="connsiteX6" fmla="*/ 0 w 5461299"/>
              <a:gd name="connsiteY6" fmla="*/ 2470693 h 2656745"/>
              <a:gd name="connsiteX7" fmla="*/ 0 w 5461299"/>
              <a:gd name="connsiteY7" fmla="*/ 429570 h 2656745"/>
              <a:gd name="connsiteX8" fmla="*/ 0 w 5461299"/>
              <a:gd name="connsiteY8" fmla="*/ 186052 h 2656745"/>
              <a:gd name="connsiteX9" fmla="*/ 186052 w 5461299"/>
              <a:gd name="connsiteY9" fmla="*/ 0 h 2656745"/>
              <a:gd name="connsiteX10" fmla="*/ 662859 w 5461299"/>
              <a:gd name="connsiteY10" fmla="*/ 0 h 2656745"/>
              <a:gd name="connsiteX11" fmla="*/ 5183807 w 5461299"/>
              <a:gd name="connsiteY11" fmla="*/ 0 h 2656745"/>
              <a:gd name="connsiteX12" fmla="*/ 5369859 w 5461299"/>
              <a:gd name="connsiteY12" fmla="*/ 0 h 2656745"/>
              <a:gd name="connsiteX13" fmla="*/ 5461299 w 5461299"/>
              <a:gd name="connsiteY13" fmla="*/ 277492 h 2656745"/>
              <a:gd name="connsiteX0" fmla="*/ 5369859 w 5369859"/>
              <a:gd name="connsiteY0" fmla="*/ 429570 h 2656745"/>
              <a:gd name="connsiteX1" fmla="*/ 5369859 w 5369859"/>
              <a:gd name="connsiteY1" fmla="*/ 2470693 h 2656745"/>
              <a:gd name="connsiteX2" fmla="*/ 5369859 w 5369859"/>
              <a:gd name="connsiteY2" fmla="*/ 2656745 h 2656745"/>
              <a:gd name="connsiteX3" fmla="*/ 5183807 w 5369859"/>
              <a:gd name="connsiteY3" fmla="*/ 2656745 h 2656745"/>
              <a:gd name="connsiteX4" fmla="*/ 186052 w 5369859"/>
              <a:gd name="connsiteY4" fmla="*/ 2656745 h 2656745"/>
              <a:gd name="connsiteX5" fmla="*/ 0 w 5369859"/>
              <a:gd name="connsiteY5" fmla="*/ 2656745 h 2656745"/>
              <a:gd name="connsiteX6" fmla="*/ 0 w 5369859"/>
              <a:gd name="connsiteY6" fmla="*/ 2470693 h 2656745"/>
              <a:gd name="connsiteX7" fmla="*/ 0 w 5369859"/>
              <a:gd name="connsiteY7" fmla="*/ 429570 h 2656745"/>
              <a:gd name="connsiteX8" fmla="*/ 0 w 5369859"/>
              <a:gd name="connsiteY8" fmla="*/ 186052 h 2656745"/>
              <a:gd name="connsiteX9" fmla="*/ 186052 w 5369859"/>
              <a:gd name="connsiteY9" fmla="*/ 0 h 2656745"/>
              <a:gd name="connsiteX10" fmla="*/ 662859 w 5369859"/>
              <a:gd name="connsiteY10" fmla="*/ 0 h 2656745"/>
              <a:gd name="connsiteX11" fmla="*/ 5183807 w 5369859"/>
              <a:gd name="connsiteY11" fmla="*/ 0 h 2656745"/>
              <a:gd name="connsiteX12" fmla="*/ 5369859 w 5369859"/>
              <a:gd name="connsiteY12" fmla="*/ 0 h 2656745"/>
              <a:gd name="connsiteX0" fmla="*/ 5369859 w 5369859"/>
              <a:gd name="connsiteY0" fmla="*/ 2470693 h 2656745"/>
              <a:gd name="connsiteX1" fmla="*/ 5369859 w 5369859"/>
              <a:gd name="connsiteY1" fmla="*/ 2656745 h 2656745"/>
              <a:gd name="connsiteX2" fmla="*/ 5183807 w 5369859"/>
              <a:gd name="connsiteY2" fmla="*/ 2656745 h 2656745"/>
              <a:gd name="connsiteX3" fmla="*/ 186052 w 5369859"/>
              <a:gd name="connsiteY3" fmla="*/ 2656745 h 2656745"/>
              <a:gd name="connsiteX4" fmla="*/ 0 w 5369859"/>
              <a:gd name="connsiteY4" fmla="*/ 2656745 h 2656745"/>
              <a:gd name="connsiteX5" fmla="*/ 0 w 5369859"/>
              <a:gd name="connsiteY5" fmla="*/ 2470693 h 2656745"/>
              <a:gd name="connsiteX6" fmla="*/ 0 w 5369859"/>
              <a:gd name="connsiteY6" fmla="*/ 429570 h 2656745"/>
              <a:gd name="connsiteX7" fmla="*/ 0 w 5369859"/>
              <a:gd name="connsiteY7" fmla="*/ 186052 h 2656745"/>
              <a:gd name="connsiteX8" fmla="*/ 186052 w 5369859"/>
              <a:gd name="connsiteY8" fmla="*/ 0 h 2656745"/>
              <a:gd name="connsiteX9" fmla="*/ 662859 w 5369859"/>
              <a:gd name="connsiteY9" fmla="*/ 0 h 2656745"/>
              <a:gd name="connsiteX10" fmla="*/ 5183807 w 5369859"/>
              <a:gd name="connsiteY10" fmla="*/ 0 h 2656745"/>
              <a:gd name="connsiteX11" fmla="*/ 5369859 w 5369859"/>
              <a:gd name="connsiteY11" fmla="*/ 0 h 2656745"/>
              <a:gd name="connsiteX0" fmla="*/ 5369859 w 5369859"/>
              <a:gd name="connsiteY0" fmla="*/ 2656745 h 2656745"/>
              <a:gd name="connsiteX1" fmla="*/ 5183807 w 5369859"/>
              <a:gd name="connsiteY1" fmla="*/ 2656745 h 2656745"/>
              <a:gd name="connsiteX2" fmla="*/ 186052 w 5369859"/>
              <a:gd name="connsiteY2" fmla="*/ 2656745 h 2656745"/>
              <a:gd name="connsiteX3" fmla="*/ 0 w 5369859"/>
              <a:gd name="connsiteY3" fmla="*/ 2656745 h 2656745"/>
              <a:gd name="connsiteX4" fmla="*/ 0 w 5369859"/>
              <a:gd name="connsiteY4" fmla="*/ 2470693 h 2656745"/>
              <a:gd name="connsiteX5" fmla="*/ 0 w 5369859"/>
              <a:gd name="connsiteY5" fmla="*/ 429570 h 2656745"/>
              <a:gd name="connsiteX6" fmla="*/ 0 w 5369859"/>
              <a:gd name="connsiteY6" fmla="*/ 186052 h 2656745"/>
              <a:gd name="connsiteX7" fmla="*/ 186052 w 5369859"/>
              <a:gd name="connsiteY7" fmla="*/ 0 h 2656745"/>
              <a:gd name="connsiteX8" fmla="*/ 662859 w 5369859"/>
              <a:gd name="connsiteY8" fmla="*/ 0 h 2656745"/>
              <a:gd name="connsiteX9" fmla="*/ 5183807 w 5369859"/>
              <a:gd name="connsiteY9" fmla="*/ 0 h 2656745"/>
              <a:gd name="connsiteX10" fmla="*/ 5369859 w 5369859"/>
              <a:gd name="connsiteY10" fmla="*/ 0 h 26567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5369859" h="2656745">
                <a:moveTo>
                  <a:pt x="5369859" y="2656745"/>
                </a:moveTo>
                <a:lnTo>
                  <a:pt x="5183807" y="2656745"/>
                </a:lnTo>
                <a:lnTo>
                  <a:pt x="186052" y="2656745"/>
                </a:lnTo>
                <a:lnTo>
                  <a:pt x="0" y="2656745"/>
                </a:lnTo>
                <a:lnTo>
                  <a:pt x="0" y="2470693"/>
                </a:lnTo>
                <a:lnTo>
                  <a:pt x="0" y="429570"/>
                </a:lnTo>
                <a:lnTo>
                  <a:pt x="0" y="186052"/>
                </a:lnTo>
                <a:cubicBezTo>
                  <a:pt x="0" y="83298"/>
                  <a:pt x="83298" y="0"/>
                  <a:pt x="186052" y="0"/>
                </a:cubicBezTo>
                <a:lnTo>
                  <a:pt x="662859" y="0"/>
                </a:lnTo>
                <a:lnTo>
                  <a:pt x="5183807" y="0"/>
                </a:lnTo>
                <a:lnTo>
                  <a:pt x="5369859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id="{61B59AE7-8907-E8BA-4230-97D543C1BCA9}"/>
              </a:ext>
            </a:extLst>
          </p:cNvPr>
          <p:cNvSpPr/>
          <p:nvPr userDrawn="1"/>
        </p:nvSpPr>
        <p:spPr>
          <a:xfrm rot="16200000">
            <a:off x="10259919" y="2012391"/>
            <a:ext cx="3290420" cy="573738"/>
          </a:xfrm>
          <a:custGeom>
            <a:avLst/>
            <a:gdLst>
              <a:gd name="connsiteX0" fmla="*/ 3290420 w 3290420"/>
              <a:gd name="connsiteY0" fmla="*/ 137238 h 573739"/>
              <a:gd name="connsiteX1" fmla="*/ 3290420 w 3290420"/>
              <a:gd name="connsiteY1" fmla="*/ 436501 h 573739"/>
              <a:gd name="connsiteX2" fmla="*/ 3290420 w 3290420"/>
              <a:gd name="connsiteY2" fmla="*/ 436503 h 573739"/>
              <a:gd name="connsiteX3" fmla="*/ 3290420 w 3290420"/>
              <a:gd name="connsiteY3" fmla="*/ 573738 h 573739"/>
              <a:gd name="connsiteX4" fmla="*/ 3153187 w 3290420"/>
              <a:gd name="connsiteY4" fmla="*/ 573738 h 573739"/>
              <a:gd name="connsiteX5" fmla="*/ 3153182 w 3290420"/>
              <a:gd name="connsiteY5" fmla="*/ 573739 h 573739"/>
              <a:gd name="connsiteX6" fmla="*/ 137239 w 3290420"/>
              <a:gd name="connsiteY6" fmla="*/ 573739 h 573739"/>
              <a:gd name="connsiteX7" fmla="*/ 137234 w 3290420"/>
              <a:gd name="connsiteY7" fmla="*/ 573738 h 573739"/>
              <a:gd name="connsiteX8" fmla="*/ 0 w 3290420"/>
              <a:gd name="connsiteY8" fmla="*/ 573738 h 573739"/>
              <a:gd name="connsiteX9" fmla="*/ 0 w 3290420"/>
              <a:gd name="connsiteY9" fmla="*/ 296968 h 573739"/>
              <a:gd name="connsiteX10" fmla="*/ 1 w 3290420"/>
              <a:gd name="connsiteY10" fmla="*/ 296968 h 573739"/>
              <a:gd name="connsiteX11" fmla="*/ 1 w 3290420"/>
              <a:gd name="connsiteY11" fmla="*/ 137238 h 573739"/>
              <a:gd name="connsiteX12" fmla="*/ 137239 w 3290420"/>
              <a:gd name="connsiteY12" fmla="*/ 0 h 573739"/>
              <a:gd name="connsiteX13" fmla="*/ 3153182 w 3290420"/>
              <a:gd name="connsiteY13" fmla="*/ 0 h 573739"/>
              <a:gd name="connsiteX14" fmla="*/ 3290420 w 3290420"/>
              <a:gd name="connsiteY14" fmla="*/ 137238 h 573739"/>
              <a:gd name="connsiteX0" fmla="*/ 137234 w 3290420"/>
              <a:gd name="connsiteY0" fmla="*/ 573738 h 665178"/>
              <a:gd name="connsiteX1" fmla="*/ 0 w 3290420"/>
              <a:gd name="connsiteY1" fmla="*/ 573738 h 665178"/>
              <a:gd name="connsiteX2" fmla="*/ 0 w 3290420"/>
              <a:gd name="connsiteY2" fmla="*/ 296968 h 665178"/>
              <a:gd name="connsiteX3" fmla="*/ 1 w 3290420"/>
              <a:gd name="connsiteY3" fmla="*/ 296968 h 665178"/>
              <a:gd name="connsiteX4" fmla="*/ 1 w 3290420"/>
              <a:gd name="connsiteY4" fmla="*/ 137238 h 665178"/>
              <a:gd name="connsiteX5" fmla="*/ 137239 w 3290420"/>
              <a:gd name="connsiteY5" fmla="*/ 0 h 665178"/>
              <a:gd name="connsiteX6" fmla="*/ 3153182 w 3290420"/>
              <a:gd name="connsiteY6" fmla="*/ 0 h 665178"/>
              <a:gd name="connsiteX7" fmla="*/ 3290420 w 3290420"/>
              <a:gd name="connsiteY7" fmla="*/ 137238 h 665178"/>
              <a:gd name="connsiteX8" fmla="*/ 3290420 w 3290420"/>
              <a:gd name="connsiteY8" fmla="*/ 436501 h 665178"/>
              <a:gd name="connsiteX9" fmla="*/ 3290420 w 3290420"/>
              <a:gd name="connsiteY9" fmla="*/ 436503 h 665178"/>
              <a:gd name="connsiteX10" fmla="*/ 3290420 w 3290420"/>
              <a:gd name="connsiteY10" fmla="*/ 573738 h 665178"/>
              <a:gd name="connsiteX11" fmla="*/ 3153187 w 3290420"/>
              <a:gd name="connsiteY11" fmla="*/ 573738 h 665178"/>
              <a:gd name="connsiteX12" fmla="*/ 3153182 w 3290420"/>
              <a:gd name="connsiteY12" fmla="*/ 573739 h 665178"/>
              <a:gd name="connsiteX13" fmla="*/ 137239 w 3290420"/>
              <a:gd name="connsiteY13" fmla="*/ 573739 h 665178"/>
              <a:gd name="connsiteX14" fmla="*/ 228674 w 3290420"/>
              <a:gd name="connsiteY14" fmla="*/ 665178 h 665178"/>
              <a:gd name="connsiteX0" fmla="*/ 137234 w 3290420"/>
              <a:gd name="connsiteY0" fmla="*/ 573738 h 665178"/>
              <a:gd name="connsiteX1" fmla="*/ 0 w 3290420"/>
              <a:gd name="connsiteY1" fmla="*/ 573738 h 665178"/>
              <a:gd name="connsiteX2" fmla="*/ 0 w 3290420"/>
              <a:gd name="connsiteY2" fmla="*/ 296968 h 665178"/>
              <a:gd name="connsiteX3" fmla="*/ 1 w 3290420"/>
              <a:gd name="connsiteY3" fmla="*/ 296968 h 665178"/>
              <a:gd name="connsiteX4" fmla="*/ 1 w 3290420"/>
              <a:gd name="connsiteY4" fmla="*/ 137238 h 665178"/>
              <a:gd name="connsiteX5" fmla="*/ 137239 w 3290420"/>
              <a:gd name="connsiteY5" fmla="*/ 0 h 665178"/>
              <a:gd name="connsiteX6" fmla="*/ 3153182 w 3290420"/>
              <a:gd name="connsiteY6" fmla="*/ 0 h 665178"/>
              <a:gd name="connsiteX7" fmla="*/ 3290420 w 3290420"/>
              <a:gd name="connsiteY7" fmla="*/ 137238 h 665178"/>
              <a:gd name="connsiteX8" fmla="*/ 3290420 w 3290420"/>
              <a:gd name="connsiteY8" fmla="*/ 436501 h 665178"/>
              <a:gd name="connsiteX9" fmla="*/ 3290420 w 3290420"/>
              <a:gd name="connsiteY9" fmla="*/ 436503 h 665178"/>
              <a:gd name="connsiteX10" fmla="*/ 3290420 w 3290420"/>
              <a:gd name="connsiteY10" fmla="*/ 573738 h 665178"/>
              <a:gd name="connsiteX11" fmla="*/ 3153187 w 3290420"/>
              <a:gd name="connsiteY11" fmla="*/ 573738 h 665178"/>
              <a:gd name="connsiteX12" fmla="*/ 3153182 w 3290420"/>
              <a:gd name="connsiteY12" fmla="*/ 573739 h 665178"/>
              <a:gd name="connsiteX13" fmla="*/ 228674 w 3290420"/>
              <a:gd name="connsiteY13" fmla="*/ 665178 h 665178"/>
              <a:gd name="connsiteX0" fmla="*/ 137234 w 3290420"/>
              <a:gd name="connsiteY0" fmla="*/ 573738 h 573739"/>
              <a:gd name="connsiteX1" fmla="*/ 0 w 3290420"/>
              <a:gd name="connsiteY1" fmla="*/ 573738 h 573739"/>
              <a:gd name="connsiteX2" fmla="*/ 0 w 3290420"/>
              <a:gd name="connsiteY2" fmla="*/ 296968 h 573739"/>
              <a:gd name="connsiteX3" fmla="*/ 1 w 3290420"/>
              <a:gd name="connsiteY3" fmla="*/ 296968 h 573739"/>
              <a:gd name="connsiteX4" fmla="*/ 1 w 3290420"/>
              <a:gd name="connsiteY4" fmla="*/ 137238 h 573739"/>
              <a:gd name="connsiteX5" fmla="*/ 137239 w 3290420"/>
              <a:gd name="connsiteY5" fmla="*/ 0 h 573739"/>
              <a:gd name="connsiteX6" fmla="*/ 3153182 w 3290420"/>
              <a:gd name="connsiteY6" fmla="*/ 0 h 573739"/>
              <a:gd name="connsiteX7" fmla="*/ 3290420 w 3290420"/>
              <a:gd name="connsiteY7" fmla="*/ 137238 h 573739"/>
              <a:gd name="connsiteX8" fmla="*/ 3290420 w 3290420"/>
              <a:gd name="connsiteY8" fmla="*/ 436501 h 573739"/>
              <a:gd name="connsiteX9" fmla="*/ 3290420 w 3290420"/>
              <a:gd name="connsiteY9" fmla="*/ 436503 h 573739"/>
              <a:gd name="connsiteX10" fmla="*/ 3290420 w 3290420"/>
              <a:gd name="connsiteY10" fmla="*/ 573738 h 573739"/>
              <a:gd name="connsiteX11" fmla="*/ 3153187 w 3290420"/>
              <a:gd name="connsiteY11" fmla="*/ 573738 h 573739"/>
              <a:gd name="connsiteX12" fmla="*/ 3153182 w 3290420"/>
              <a:gd name="connsiteY12" fmla="*/ 573739 h 573739"/>
              <a:gd name="connsiteX0" fmla="*/ 0 w 3290420"/>
              <a:gd name="connsiteY0" fmla="*/ 573738 h 573739"/>
              <a:gd name="connsiteX1" fmla="*/ 0 w 3290420"/>
              <a:gd name="connsiteY1" fmla="*/ 296968 h 573739"/>
              <a:gd name="connsiteX2" fmla="*/ 1 w 3290420"/>
              <a:gd name="connsiteY2" fmla="*/ 296968 h 573739"/>
              <a:gd name="connsiteX3" fmla="*/ 1 w 3290420"/>
              <a:gd name="connsiteY3" fmla="*/ 137238 h 573739"/>
              <a:gd name="connsiteX4" fmla="*/ 137239 w 3290420"/>
              <a:gd name="connsiteY4" fmla="*/ 0 h 573739"/>
              <a:gd name="connsiteX5" fmla="*/ 3153182 w 3290420"/>
              <a:gd name="connsiteY5" fmla="*/ 0 h 573739"/>
              <a:gd name="connsiteX6" fmla="*/ 3290420 w 3290420"/>
              <a:gd name="connsiteY6" fmla="*/ 137238 h 573739"/>
              <a:gd name="connsiteX7" fmla="*/ 3290420 w 3290420"/>
              <a:gd name="connsiteY7" fmla="*/ 436501 h 573739"/>
              <a:gd name="connsiteX8" fmla="*/ 3290420 w 3290420"/>
              <a:gd name="connsiteY8" fmla="*/ 436503 h 573739"/>
              <a:gd name="connsiteX9" fmla="*/ 3290420 w 3290420"/>
              <a:gd name="connsiteY9" fmla="*/ 573738 h 573739"/>
              <a:gd name="connsiteX10" fmla="*/ 3153187 w 3290420"/>
              <a:gd name="connsiteY10" fmla="*/ 573738 h 573739"/>
              <a:gd name="connsiteX11" fmla="*/ 3153182 w 3290420"/>
              <a:gd name="connsiteY11" fmla="*/ 573739 h 573739"/>
              <a:gd name="connsiteX0" fmla="*/ 0 w 3290420"/>
              <a:gd name="connsiteY0" fmla="*/ 573738 h 573738"/>
              <a:gd name="connsiteX1" fmla="*/ 0 w 3290420"/>
              <a:gd name="connsiteY1" fmla="*/ 296968 h 573738"/>
              <a:gd name="connsiteX2" fmla="*/ 1 w 3290420"/>
              <a:gd name="connsiteY2" fmla="*/ 296968 h 573738"/>
              <a:gd name="connsiteX3" fmla="*/ 1 w 3290420"/>
              <a:gd name="connsiteY3" fmla="*/ 137238 h 573738"/>
              <a:gd name="connsiteX4" fmla="*/ 137239 w 3290420"/>
              <a:gd name="connsiteY4" fmla="*/ 0 h 573738"/>
              <a:gd name="connsiteX5" fmla="*/ 3153182 w 3290420"/>
              <a:gd name="connsiteY5" fmla="*/ 0 h 573738"/>
              <a:gd name="connsiteX6" fmla="*/ 3290420 w 3290420"/>
              <a:gd name="connsiteY6" fmla="*/ 137238 h 573738"/>
              <a:gd name="connsiteX7" fmla="*/ 3290420 w 3290420"/>
              <a:gd name="connsiteY7" fmla="*/ 436501 h 573738"/>
              <a:gd name="connsiteX8" fmla="*/ 3290420 w 3290420"/>
              <a:gd name="connsiteY8" fmla="*/ 436503 h 573738"/>
              <a:gd name="connsiteX9" fmla="*/ 3290420 w 3290420"/>
              <a:gd name="connsiteY9" fmla="*/ 573738 h 573738"/>
              <a:gd name="connsiteX10" fmla="*/ 3153187 w 3290420"/>
              <a:gd name="connsiteY10" fmla="*/ 573738 h 573738"/>
              <a:gd name="connsiteX0" fmla="*/ 0 w 3290420"/>
              <a:gd name="connsiteY0" fmla="*/ 573738 h 573738"/>
              <a:gd name="connsiteX1" fmla="*/ 0 w 3290420"/>
              <a:gd name="connsiteY1" fmla="*/ 296968 h 573738"/>
              <a:gd name="connsiteX2" fmla="*/ 1 w 3290420"/>
              <a:gd name="connsiteY2" fmla="*/ 296968 h 573738"/>
              <a:gd name="connsiteX3" fmla="*/ 1 w 3290420"/>
              <a:gd name="connsiteY3" fmla="*/ 137238 h 573738"/>
              <a:gd name="connsiteX4" fmla="*/ 137239 w 3290420"/>
              <a:gd name="connsiteY4" fmla="*/ 0 h 573738"/>
              <a:gd name="connsiteX5" fmla="*/ 3153182 w 3290420"/>
              <a:gd name="connsiteY5" fmla="*/ 0 h 573738"/>
              <a:gd name="connsiteX6" fmla="*/ 3290420 w 3290420"/>
              <a:gd name="connsiteY6" fmla="*/ 137238 h 573738"/>
              <a:gd name="connsiteX7" fmla="*/ 3290420 w 3290420"/>
              <a:gd name="connsiteY7" fmla="*/ 436501 h 573738"/>
              <a:gd name="connsiteX8" fmla="*/ 3290420 w 3290420"/>
              <a:gd name="connsiteY8" fmla="*/ 436503 h 573738"/>
              <a:gd name="connsiteX9" fmla="*/ 3290420 w 3290420"/>
              <a:gd name="connsiteY9" fmla="*/ 573738 h 5737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290420" h="573738">
                <a:moveTo>
                  <a:pt x="0" y="573738"/>
                </a:moveTo>
                <a:lnTo>
                  <a:pt x="0" y="296968"/>
                </a:lnTo>
                <a:lnTo>
                  <a:pt x="1" y="296968"/>
                </a:lnTo>
                <a:lnTo>
                  <a:pt x="1" y="137238"/>
                </a:lnTo>
                <a:cubicBezTo>
                  <a:pt x="1" y="61444"/>
                  <a:pt x="61445" y="0"/>
                  <a:pt x="137239" y="0"/>
                </a:cubicBezTo>
                <a:lnTo>
                  <a:pt x="3153182" y="0"/>
                </a:lnTo>
                <a:cubicBezTo>
                  <a:pt x="3228976" y="0"/>
                  <a:pt x="3290420" y="61444"/>
                  <a:pt x="3290420" y="137238"/>
                </a:cubicBezTo>
                <a:lnTo>
                  <a:pt x="3290420" y="436501"/>
                </a:lnTo>
                <a:lnTo>
                  <a:pt x="3290420" y="436503"/>
                </a:lnTo>
                <a:lnTo>
                  <a:pt x="3290420" y="573738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3" name="Kombinationstegning: figur 12">
            <a:extLst>
              <a:ext uri="{FF2B5EF4-FFF2-40B4-BE49-F238E27FC236}">
                <a16:creationId xmlns:a16="http://schemas.microsoft.com/office/drawing/2014/main" id="{48A5DC69-715C-A5CB-06D3-FD6482E72F48}"/>
              </a:ext>
            </a:extLst>
          </p:cNvPr>
          <p:cNvSpPr/>
          <p:nvPr userDrawn="1"/>
        </p:nvSpPr>
        <p:spPr>
          <a:xfrm rot="5400000">
            <a:off x="-527441" y="2744108"/>
            <a:ext cx="2656746" cy="1601868"/>
          </a:xfrm>
          <a:custGeom>
            <a:avLst/>
            <a:gdLst>
              <a:gd name="connsiteX0" fmla="*/ 0 w 2656746"/>
              <a:gd name="connsiteY0" fmla="*/ 1439807 h 1601868"/>
              <a:gd name="connsiteX1" fmla="*/ 0 w 2656746"/>
              <a:gd name="connsiteY1" fmla="*/ 162061 h 1601868"/>
              <a:gd name="connsiteX2" fmla="*/ 162061 w 2656746"/>
              <a:gd name="connsiteY2" fmla="*/ 0 h 1601868"/>
              <a:gd name="connsiteX3" fmla="*/ 2494683 w 2656746"/>
              <a:gd name="connsiteY3" fmla="*/ 0 h 1601868"/>
              <a:gd name="connsiteX4" fmla="*/ 2656744 w 2656746"/>
              <a:gd name="connsiteY4" fmla="*/ 162061 h 1601868"/>
              <a:gd name="connsiteX5" fmla="*/ 2656744 w 2656746"/>
              <a:gd name="connsiteY5" fmla="*/ 259006 h 1601868"/>
              <a:gd name="connsiteX6" fmla="*/ 2656746 w 2656746"/>
              <a:gd name="connsiteY6" fmla="*/ 259006 h 1601868"/>
              <a:gd name="connsiteX7" fmla="*/ 2656746 w 2656746"/>
              <a:gd name="connsiteY7" fmla="*/ 1601868 h 1601868"/>
              <a:gd name="connsiteX8" fmla="*/ 2494683 w 2656746"/>
              <a:gd name="connsiteY8" fmla="*/ 1601868 h 1601868"/>
              <a:gd name="connsiteX9" fmla="*/ 162061 w 2656746"/>
              <a:gd name="connsiteY9" fmla="*/ 1601868 h 1601868"/>
              <a:gd name="connsiteX10" fmla="*/ 2 w 2656746"/>
              <a:gd name="connsiteY10" fmla="*/ 1601868 h 1601868"/>
              <a:gd name="connsiteX11" fmla="*/ 2 w 2656746"/>
              <a:gd name="connsiteY11" fmla="*/ 1439817 h 1601868"/>
              <a:gd name="connsiteX0" fmla="*/ 2 w 2656746"/>
              <a:gd name="connsiteY0" fmla="*/ 1601868 h 1693308"/>
              <a:gd name="connsiteX1" fmla="*/ 2 w 2656746"/>
              <a:gd name="connsiteY1" fmla="*/ 1439817 h 1693308"/>
              <a:gd name="connsiteX2" fmla="*/ 0 w 2656746"/>
              <a:gd name="connsiteY2" fmla="*/ 1439807 h 1693308"/>
              <a:gd name="connsiteX3" fmla="*/ 0 w 2656746"/>
              <a:gd name="connsiteY3" fmla="*/ 162061 h 1693308"/>
              <a:gd name="connsiteX4" fmla="*/ 162061 w 2656746"/>
              <a:gd name="connsiteY4" fmla="*/ 0 h 1693308"/>
              <a:gd name="connsiteX5" fmla="*/ 2494683 w 2656746"/>
              <a:gd name="connsiteY5" fmla="*/ 0 h 1693308"/>
              <a:gd name="connsiteX6" fmla="*/ 2656744 w 2656746"/>
              <a:gd name="connsiteY6" fmla="*/ 162061 h 1693308"/>
              <a:gd name="connsiteX7" fmla="*/ 2656744 w 2656746"/>
              <a:gd name="connsiteY7" fmla="*/ 259006 h 1693308"/>
              <a:gd name="connsiteX8" fmla="*/ 2656746 w 2656746"/>
              <a:gd name="connsiteY8" fmla="*/ 259006 h 1693308"/>
              <a:gd name="connsiteX9" fmla="*/ 2656746 w 2656746"/>
              <a:gd name="connsiteY9" fmla="*/ 1601868 h 1693308"/>
              <a:gd name="connsiteX10" fmla="*/ 2494683 w 2656746"/>
              <a:gd name="connsiteY10" fmla="*/ 1601868 h 1693308"/>
              <a:gd name="connsiteX11" fmla="*/ 162061 w 2656746"/>
              <a:gd name="connsiteY11" fmla="*/ 1601868 h 1693308"/>
              <a:gd name="connsiteX12" fmla="*/ 91442 w 2656746"/>
              <a:gd name="connsiteY12" fmla="*/ 1693308 h 169330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  <a:gd name="connsiteX10" fmla="*/ 2494683 w 2656746"/>
              <a:gd name="connsiteY10" fmla="*/ 1601868 h 1601868"/>
              <a:gd name="connsiteX11" fmla="*/ 162061 w 2656746"/>
              <a:gd name="connsiteY11" fmla="*/ 1601868 h 160186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  <a:gd name="connsiteX10" fmla="*/ 2494683 w 2656746"/>
              <a:gd name="connsiteY10" fmla="*/ 1601868 h 160186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2656746" h="1601868">
                <a:moveTo>
                  <a:pt x="2" y="1601868"/>
                </a:moveTo>
                <a:lnTo>
                  <a:pt x="2" y="1439817"/>
                </a:lnTo>
                <a:cubicBezTo>
                  <a:pt x="1" y="1439814"/>
                  <a:pt x="1" y="1439810"/>
                  <a:pt x="0" y="1439807"/>
                </a:cubicBezTo>
                <a:lnTo>
                  <a:pt x="0" y="162061"/>
                </a:lnTo>
                <a:cubicBezTo>
                  <a:pt x="0" y="72557"/>
                  <a:pt x="72557" y="0"/>
                  <a:pt x="162061" y="0"/>
                </a:cubicBezTo>
                <a:lnTo>
                  <a:pt x="2494683" y="0"/>
                </a:lnTo>
                <a:cubicBezTo>
                  <a:pt x="2584187" y="0"/>
                  <a:pt x="2656744" y="72557"/>
                  <a:pt x="2656744" y="162061"/>
                </a:cubicBezTo>
                <a:lnTo>
                  <a:pt x="2656744" y="259006"/>
                </a:lnTo>
                <a:lnTo>
                  <a:pt x="2656746" y="259006"/>
                </a:lnTo>
                <a:lnTo>
                  <a:pt x="2656746" y="1601868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7" name="Freeform: Shape 79">
            <a:extLst>
              <a:ext uri="{FF2B5EF4-FFF2-40B4-BE49-F238E27FC236}">
                <a16:creationId xmlns:a16="http://schemas.microsoft.com/office/drawing/2014/main" id="{441A6F05-6F6E-988B-FA5B-FB1CCAE99F15}"/>
              </a:ext>
            </a:extLst>
          </p:cNvPr>
          <p:cNvSpPr/>
          <p:nvPr userDrawn="1"/>
        </p:nvSpPr>
        <p:spPr>
          <a:xfrm rot="5400000">
            <a:off x="-1016912" y="2810669"/>
            <a:ext cx="1740665" cy="6383726"/>
          </a:xfrm>
          <a:custGeom>
            <a:avLst/>
            <a:gdLst>
              <a:gd name="connsiteX0" fmla="*/ 0 w 1740665"/>
              <a:gd name="connsiteY0" fmla="*/ 6383726 h 6559829"/>
              <a:gd name="connsiteX1" fmla="*/ 0 w 1740665"/>
              <a:gd name="connsiteY1" fmla="*/ 176104 h 6559829"/>
              <a:gd name="connsiteX2" fmla="*/ 176103 w 1740665"/>
              <a:gd name="connsiteY2" fmla="*/ 1 h 6559829"/>
              <a:gd name="connsiteX3" fmla="*/ 566238 w 1740665"/>
              <a:gd name="connsiteY3" fmla="*/ 1 h 6559829"/>
              <a:gd name="connsiteX4" fmla="*/ 566238 w 1740665"/>
              <a:gd name="connsiteY4" fmla="*/ 0 h 6559829"/>
              <a:gd name="connsiteX5" fmla="*/ 1740665 w 1740665"/>
              <a:gd name="connsiteY5" fmla="*/ 0 h 6559829"/>
              <a:gd name="connsiteX6" fmla="*/ 1740665 w 1740665"/>
              <a:gd name="connsiteY6" fmla="*/ 6551498 h 6559829"/>
              <a:gd name="connsiteX7" fmla="*/ 1605825 w 1740665"/>
              <a:gd name="connsiteY7" fmla="*/ 6551498 h 6559829"/>
              <a:gd name="connsiteX8" fmla="*/ 1564562 w 1740665"/>
              <a:gd name="connsiteY8" fmla="*/ 6559829 h 6559829"/>
              <a:gd name="connsiteX9" fmla="*/ 176103 w 1740665"/>
              <a:gd name="connsiteY9" fmla="*/ 6559829 h 6559829"/>
              <a:gd name="connsiteX10" fmla="*/ 0 w 1740665"/>
              <a:gd name="connsiteY10" fmla="*/ 6383726 h 6559829"/>
              <a:gd name="connsiteX0" fmla="*/ 1740665 w 1832105"/>
              <a:gd name="connsiteY0" fmla="*/ 6551498 h 6642938"/>
              <a:gd name="connsiteX1" fmla="*/ 1605825 w 1832105"/>
              <a:gd name="connsiteY1" fmla="*/ 6551498 h 6642938"/>
              <a:gd name="connsiteX2" fmla="*/ 1564562 w 1832105"/>
              <a:gd name="connsiteY2" fmla="*/ 6559829 h 6642938"/>
              <a:gd name="connsiteX3" fmla="*/ 176103 w 1832105"/>
              <a:gd name="connsiteY3" fmla="*/ 6559829 h 6642938"/>
              <a:gd name="connsiteX4" fmla="*/ 0 w 1832105"/>
              <a:gd name="connsiteY4" fmla="*/ 6383726 h 6642938"/>
              <a:gd name="connsiteX5" fmla="*/ 0 w 1832105"/>
              <a:gd name="connsiteY5" fmla="*/ 176104 h 6642938"/>
              <a:gd name="connsiteX6" fmla="*/ 176103 w 1832105"/>
              <a:gd name="connsiteY6" fmla="*/ 1 h 6642938"/>
              <a:gd name="connsiteX7" fmla="*/ 566238 w 1832105"/>
              <a:gd name="connsiteY7" fmla="*/ 1 h 6642938"/>
              <a:gd name="connsiteX8" fmla="*/ 566238 w 1832105"/>
              <a:gd name="connsiteY8" fmla="*/ 0 h 6642938"/>
              <a:gd name="connsiteX9" fmla="*/ 1740665 w 1832105"/>
              <a:gd name="connsiteY9" fmla="*/ 0 h 6642938"/>
              <a:gd name="connsiteX10" fmla="*/ 1832105 w 1832105"/>
              <a:gd name="connsiteY10" fmla="*/ 6642938 h 6642938"/>
              <a:gd name="connsiteX0" fmla="*/ 1740665 w 1740665"/>
              <a:gd name="connsiteY0" fmla="*/ 6551498 h 6559829"/>
              <a:gd name="connsiteX1" fmla="*/ 1605825 w 1740665"/>
              <a:gd name="connsiteY1" fmla="*/ 6551498 h 6559829"/>
              <a:gd name="connsiteX2" fmla="*/ 1564562 w 1740665"/>
              <a:gd name="connsiteY2" fmla="*/ 6559829 h 6559829"/>
              <a:gd name="connsiteX3" fmla="*/ 176103 w 1740665"/>
              <a:gd name="connsiteY3" fmla="*/ 6559829 h 6559829"/>
              <a:gd name="connsiteX4" fmla="*/ 0 w 1740665"/>
              <a:gd name="connsiteY4" fmla="*/ 6383726 h 6559829"/>
              <a:gd name="connsiteX5" fmla="*/ 0 w 1740665"/>
              <a:gd name="connsiteY5" fmla="*/ 176104 h 6559829"/>
              <a:gd name="connsiteX6" fmla="*/ 176103 w 1740665"/>
              <a:gd name="connsiteY6" fmla="*/ 1 h 6559829"/>
              <a:gd name="connsiteX7" fmla="*/ 566238 w 1740665"/>
              <a:gd name="connsiteY7" fmla="*/ 1 h 6559829"/>
              <a:gd name="connsiteX8" fmla="*/ 566238 w 1740665"/>
              <a:gd name="connsiteY8" fmla="*/ 0 h 6559829"/>
              <a:gd name="connsiteX9" fmla="*/ 1740665 w 1740665"/>
              <a:gd name="connsiteY9" fmla="*/ 0 h 6559829"/>
              <a:gd name="connsiteX0" fmla="*/ 1605825 w 1740665"/>
              <a:gd name="connsiteY0" fmla="*/ 6551498 h 6559829"/>
              <a:gd name="connsiteX1" fmla="*/ 1564562 w 1740665"/>
              <a:gd name="connsiteY1" fmla="*/ 6559829 h 6559829"/>
              <a:gd name="connsiteX2" fmla="*/ 176103 w 1740665"/>
              <a:gd name="connsiteY2" fmla="*/ 6559829 h 6559829"/>
              <a:gd name="connsiteX3" fmla="*/ 0 w 1740665"/>
              <a:gd name="connsiteY3" fmla="*/ 6383726 h 6559829"/>
              <a:gd name="connsiteX4" fmla="*/ 0 w 1740665"/>
              <a:gd name="connsiteY4" fmla="*/ 176104 h 6559829"/>
              <a:gd name="connsiteX5" fmla="*/ 176103 w 1740665"/>
              <a:gd name="connsiteY5" fmla="*/ 1 h 6559829"/>
              <a:gd name="connsiteX6" fmla="*/ 566238 w 1740665"/>
              <a:gd name="connsiteY6" fmla="*/ 1 h 6559829"/>
              <a:gd name="connsiteX7" fmla="*/ 566238 w 1740665"/>
              <a:gd name="connsiteY7" fmla="*/ 0 h 6559829"/>
              <a:gd name="connsiteX8" fmla="*/ 1740665 w 1740665"/>
              <a:gd name="connsiteY8" fmla="*/ 0 h 6559829"/>
              <a:gd name="connsiteX0" fmla="*/ 1605825 w 1740665"/>
              <a:gd name="connsiteY0" fmla="*/ 6551498 h 6559829"/>
              <a:gd name="connsiteX1" fmla="*/ 176103 w 1740665"/>
              <a:gd name="connsiteY1" fmla="*/ 6559829 h 6559829"/>
              <a:gd name="connsiteX2" fmla="*/ 0 w 1740665"/>
              <a:gd name="connsiteY2" fmla="*/ 6383726 h 6559829"/>
              <a:gd name="connsiteX3" fmla="*/ 0 w 1740665"/>
              <a:gd name="connsiteY3" fmla="*/ 176104 h 6559829"/>
              <a:gd name="connsiteX4" fmla="*/ 176103 w 1740665"/>
              <a:gd name="connsiteY4" fmla="*/ 1 h 6559829"/>
              <a:gd name="connsiteX5" fmla="*/ 566238 w 1740665"/>
              <a:gd name="connsiteY5" fmla="*/ 1 h 6559829"/>
              <a:gd name="connsiteX6" fmla="*/ 566238 w 1740665"/>
              <a:gd name="connsiteY6" fmla="*/ 0 h 6559829"/>
              <a:gd name="connsiteX7" fmla="*/ 1740665 w 1740665"/>
              <a:gd name="connsiteY7" fmla="*/ 0 h 6559829"/>
              <a:gd name="connsiteX0" fmla="*/ 176103 w 1740665"/>
              <a:gd name="connsiteY0" fmla="*/ 6559829 h 6559829"/>
              <a:gd name="connsiteX1" fmla="*/ 0 w 1740665"/>
              <a:gd name="connsiteY1" fmla="*/ 6383726 h 6559829"/>
              <a:gd name="connsiteX2" fmla="*/ 0 w 1740665"/>
              <a:gd name="connsiteY2" fmla="*/ 176104 h 6559829"/>
              <a:gd name="connsiteX3" fmla="*/ 176103 w 1740665"/>
              <a:gd name="connsiteY3" fmla="*/ 1 h 6559829"/>
              <a:gd name="connsiteX4" fmla="*/ 566238 w 1740665"/>
              <a:gd name="connsiteY4" fmla="*/ 1 h 6559829"/>
              <a:gd name="connsiteX5" fmla="*/ 566238 w 1740665"/>
              <a:gd name="connsiteY5" fmla="*/ 0 h 6559829"/>
              <a:gd name="connsiteX6" fmla="*/ 1740665 w 1740665"/>
              <a:gd name="connsiteY6" fmla="*/ 0 h 6559829"/>
              <a:gd name="connsiteX0" fmla="*/ 0 w 1740665"/>
              <a:gd name="connsiteY0" fmla="*/ 6383726 h 6383726"/>
              <a:gd name="connsiteX1" fmla="*/ 0 w 1740665"/>
              <a:gd name="connsiteY1" fmla="*/ 176104 h 6383726"/>
              <a:gd name="connsiteX2" fmla="*/ 176103 w 1740665"/>
              <a:gd name="connsiteY2" fmla="*/ 1 h 6383726"/>
              <a:gd name="connsiteX3" fmla="*/ 566238 w 1740665"/>
              <a:gd name="connsiteY3" fmla="*/ 1 h 6383726"/>
              <a:gd name="connsiteX4" fmla="*/ 566238 w 1740665"/>
              <a:gd name="connsiteY4" fmla="*/ 0 h 6383726"/>
              <a:gd name="connsiteX5" fmla="*/ 1740665 w 1740665"/>
              <a:gd name="connsiteY5" fmla="*/ 0 h 63837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740665" h="6383726">
                <a:moveTo>
                  <a:pt x="0" y="6383726"/>
                </a:moveTo>
                <a:lnTo>
                  <a:pt x="0" y="176104"/>
                </a:lnTo>
                <a:cubicBezTo>
                  <a:pt x="0" y="78845"/>
                  <a:pt x="78844" y="1"/>
                  <a:pt x="176103" y="1"/>
                </a:cubicBezTo>
                <a:lnTo>
                  <a:pt x="566238" y="1"/>
                </a:lnTo>
                <a:lnTo>
                  <a:pt x="566238" y="0"/>
                </a:lnTo>
                <a:lnTo>
                  <a:pt x="1740665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47998" y="647999"/>
            <a:ext cx="7176789" cy="154800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o linjer</a:t>
            </a:r>
          </a:p>
        </p:txBody>
      </p:sp>
      <p:grpSp>
        <p:nvGrpSpPr>
          <p:cNvPr id="37" name="Group 58">
            <a:extLst>
              <a:ext uri="{FF2B5EF4-FFF2-40B4-BE49-F238E27FC236}">
                <a16:creationId xmlns:a16="http://schemas.microsoft.com/office/drawing/2014/main" id="{BAF1B47A-B759-092B-B58C-CBC2E7A498FA}"/>
              </a:ext>
            </a:extLst>
          </p:cNvPr>
          <p:cNvGrpSpPr/>
          <p:nvPr userDrawn="1"/>
        </p:nvGrpSpPr>
        <p:grpSpPr>
          <a:xfrm>
            <a:off x="1857489" y="3761682"/>
            <a:ext cx="1817000" cy="1111735"/>
            <a:chOff x="7918183" y="1759240"/>
            <a:chExt cx="1670583" cy="1532511"/>
          </a:xfrm>
          <a:solidFill>
            <a:srgbClr val="38025C"/>
          </a:solidFill>
        </p:grpSpPr>
        <p:sp>
          <p:nvSpPr>
            <p:cNvPr id="38" name="Rectangle: Rounded Corners 59">
              <a:extLst>
                <a:ext uri="{FF2B5EF4-FFF2-40B4-BE49-F238E27FC236}">
                  <a16:creationId xmlns:a16="http://schemas.microsoft.com/office/drawing/2014/main" id="{E41337C5-2DC8-08C4-A54E-AC76FBAE472B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5364"/>
              </a:avLst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39" name="Rectangle 60">
              <a:extLst>
                <a:ext uri="{FF2B5EF4-FFF2-40B4-BE49-F238E27FC236}">
                  <a16:creationId xmlns:a16="http://schemas.microsoft.com/office/drawing/2014/main" id="{C0501B15-3976-4459-60C3-51010BD5C331}"/>
                </a:ext>
              </a:extLst>
            </p:cNvPr>
            <p:cNvSpPr/>
            <p:nvPr/>
          </p:nvSpPr>
          <p:spPr>
            <a:xfrm>
              <a:off x="7918183" y="2007032"/>
              <a:ext cx="1361283" cy="1284719"/>
            </a:xfrm>
            <a:prstGeom prst="rect">
              <a:avLst/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grpSp>
        <p:nvGrpSpPr>
          <p:cNvPr id="40" name="Group 58">
            <a:extLst>
              <a:ext uri="{FF2B5EF4-FFF2-40B4-BE49-F238E27FC236}">
                <a16:creationId xmlns:a16="http://schemas.microsoft.com/office/drawing/2014/main" id="{8BAF4F7A-302A-90D9-CC50-4F1CCE096C98}"/>
              </a:ext>
            </a:extLst>
          </p:cNvPr>
          <p:cNvGrpSpPr/>
          <p:nvPr userDrawn="1"/>
        </p:nvGrpSpPr>
        <p:grpSpPr>
          <a:xfrm>
            <a:off x="1857489" y="3761682"/>
            <a:ext cx="1817000" cy="1111735"/>
            <a:chOff x="7918183" y="1759240"/>
            <a:chExt cx="1670583" cy="1532511"/>
          </a:xfrm>
          <a:solidFill>
            <a:srgbClr val="38025C"/>
          </a:solidFill>
        </p:grpSpPr>
        <p:sp>
          <p:nvSpPr>
            <p:cNvPr id="41" name="Rectangle: Rounded Corners 59">
              <a:extLst>
                <a:ext uri="{FF2B5EF4-FFF2-40B4-BE49-F238E27FC236}">
                  <a16:creationId xmlns:a16="http://schemas.microsoft.com/office/drawing/2014/main" id="{7F495901-2FCD-935E-864C-FB7723FCF613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5364"/>
              </a:avLst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42" name="Rectangle 60">
              <a:extLst>
                <a:ext uri="{FF2B5EF4-FFF2-40B4-BE49-F238E27FC236}">
                  <a16:creationId xmlns:a16="http://schemas.microsoft.com/office/drawing/2014/main" id="{CD65BFB9-081F-8714-5D14-70639F227398}"/>
                </a:ext>
              </a:extLst>
            </p:cNvPr>
            <p:cNvSpPr/>
            <p:nvPr/>
          </p:nvSpPr>
          <p:spPr>
            <a:xfrm>
              <a:off x="7918183" y="2007032"/>
              <a:ext cx="1361283" cy="1284719"/>
            </a:xfrm>
            <a:prstGeom prst="rect">
              <a:avLst/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grpSp>
        <p:nvGrpSpPr>
          <p:cNvPr id="43" name="Gruppe 11">
            <a:extLst>
              <a:ext uri="{FF2B5EF4-FFF2-40B4-BE49-F238E27FC236}">
                <a16:creationId xmlns:a16="http://schemas.microsoft.com/office/drawing/2014/main" id="{E72A7556-80CC-2D94-7BE4-48D508531CA0}"/>
              </a:ext>
            </a:extLst>
          </p:cNvPr>
          <p:cNvGrpSpPr/>
          <p:nvPr userDrawn="1"/>
        </p:nvGrpSpPr>
        <p:grpSpPr>
          <a:xfrm>
            <a:off x="9544636" y="2653551"/>
            <a:ext cx="1818002" cy="1290917"/>
            <a:chOff x="9525589" y="2653551"/>
            <a:chExt cx="1818002" cy="1290917"/>
          </a:xfrm>
          <a:solidFill>
            <a:srgbClr val="38025C"/>
          </a:solidFill>
        </p:grpSpPr>
        <p:sp>
          <p:nvSpPr>
            <p:cNvPr id="44" name="Kombinationstegning: figur 10">
              <a:extLst>
                <a:ext uri="{FF2B5EF4-FFF2-40B4-BE49-F238E27FC236}">
                  <a16:creationId xmlns:a16="http://schemas.microsoft.com/office/drawing/2014/main" id="{18C7E34A-422F-43B2-82D4-5A50020F9A29}"/>
                </a:ext>
              </a:extLst>
            </p:cNvPr>
            <p:cNvSpPr/>
            <p:nvPr/>
          </p:nvSpPr>
          <p:spPr>
            <a:xfrm rot="10800000">
              <a:off x="9525589" y="2653551"/>
              <a:ext cx="1818000" cy="1290917"/>
            </a:xfrm>
            <a:custGeom>
              <a:avLst/>
              <a:gdLst>
                <a:gd name="connsiteX0" fmla="*/ 360000 w 1817000"/>
                <a:gd name="connsiteY0" fmla="*/ 1290917 h 1290917"/>
                <a:gd name="connsiteX1" fmla="*/ 0 w 1817000"/>
                <a:gd name="connsiteY1" fmla="*/ 1290917 h 1290917"/>
                <a:gd name="connsiteX2" fmla="*/ 0 w 1817000"/>
                <a:gd name="connsiteY2" fmla="*/ 1092579 h 1290917"/>
                <a:gd name="connsiteX3" fmla="*/ 0 w 1817000"/>
                <a:gd name="connsiteY3" fmla="*/ 930917 h 1290917"/>
                <a:gd name="connsiteX4" fmla="*/ 0 w 1817000"/>
                <a:gd name="connsiteY4" fmla="*/ 198336 h 1290917"/>
                <a:gd name="connsiteX5" fmla="*/ 198336 w 1817000"/>
                <a:gd name="connsiteY5" fmla="*/ 0 h 1290917"/>
                <a:gd name="connsiteX6" fmla="*/ 1618664 w 1817000"/>
                <a:gd name="connsiteY6" fmla="*/ 0 h 1290917"/>
                <a:gd name="connsiteX7" fmla="*/ 1817000 w 1817000"/>
                <a:gd name="connsiteY7" fmla="*/ 198336 h 1290917"/>
                <a:gd name="connsiteX8" fmla="*/ 1817000 w 1817000"/>
                <a:gd name="connsiteY8" fmla="*/ 1092579 h 1290917"/>
                <a:gd name="connsiteX9" fmla="*/ 1618664 w 1817000"/>
                <a:gd name="connsiteY9" fmla="*/ 1290915 h 1290917"/>
                <a:gd name="connsiteX10" fmla="*/ 360000 w 1817000"/>
                <a:gd name="connsiteY10" fmla="*/ 1290915 h 1290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0" h="1290917">
                  <a:moveTo>
                    <a:pt x="360000" y="1290917"/>
                  </a:moveTo>
                  <a:lnTo>
                    <a:pt x="0" y="1290917"/>
                  </a:lnTo>
                  <a:lnTo>
                    <a:pt x="0" y="1092579"/>
                  </a:lnTo>
                  <a:lnTo>
                    <a:pt x="0" y="930917"/>
                  </a:lnTo>
                  <a:lnTo>
                    <a:pt x="0" y="198336"/>
                  </a:lnTo>
                  <a:cubicBezTo>
                    <a:pt x="0" y="88798"/>
                    <a:pt x="88798" y="0"/>
                    <a:pt x="198336" y="0"/>
                  </a:cubicBezTo>
                  <a:lnTo>
                    <a:pt x="1618664" y="0"/>
                  </a:lnTo>
                  <a:cubicBezTo>
                    <a:pt x="1728202" y="0"/>
                    <a:pt x="1817000" y="88798"/>
                    <a:pt x="1817000" y="198336"/>
                  </a:cubicBezTo>
                  <a:lnTo>
                    <a:pt x="1817000" y="1092579"/>
                  </a:lnTo>
                  <a:cubicBezTo>
                    <a:pt x="1817000" y="1202117"/>
                    <a:pt x="1728202" y="1290915"/>
                    <a:pt x="1618664" y="1290915"/>
                  </a:cubicBezTo>
                  <a:lnTo>
                    <a:pt x="360000" y="1290915"/>
                  </a:lnTo>
                  <a:close/>
                </a:path>
              </a:pathLst>
            </a:cu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dirty="0" err="1"/>
            </a:p>
          </p:txBody>
        </p:sp>
        <p:sp>
          <p:nvSpPr>
            <p:cNvPr id="45" name="Kombinationstegning: figur 5">
              <a:extLst>
                <a:ext uri="{FF2B5EF4-FFF2-40B4-BE49-F238E27FC236}">
                  <a16:creationId xmlns:a16="http://schemas.microsoft.com/office/drawing/2014/main" id="{4C4CBFA9-708B-05EB-2E3E-A65BFBDA16C2}"/>
                </a:ext>
              </a:extLst>
            </p:cNvPr>
            <p:cNvSpPr/>
            <p:nvPr/>
          </p:nvSpPr>
          <p:spPr>
            <a:xfrm rot="10800000">
              <a:off x="9525591" y="2653551"/>
              <a:ext cx="1818000" cy="1082188"/>
            </a:xfrm>
            <a:custGeom>
              <a:avLst/>
              <a:gdLst>
                <a:gd name="connsiteX0" fmla="*/ 360000 w 1817002"/>
                <a:gd name="connsiteY0" fmla="*/ 1082188 h 1082188"/>
                <a:gd name="connsiteX1" fmla="*/ 0 w 1817002"/>
                <a:gd name="connsiteY1" fmla="*/ 1082188 h 1082188"/>
                <a:gd name="connsiteX2" fmla="*/ 0 w 1817002"/>
                <a:gd name="connsiteY2" fmla="*/ 901819 h 1082188"/>
                <a:gd name="connsiteX3" fmla="*/ 0 w 1817002"/>
                <a:gd name="connsiteY3" fmla="*/ 722188 h 1082188"/>
                <a:gd name="connsiteX4" fmla="*/ 0 w 1817002"/>
                <a:gd name="connsiteY4" fmla="*/ 180368 h 1082188"/>
                <a:gd name="connsiteX5" fmla="*/ 180368 w 1817002"/>
                <a:gd name="connsiteY5" fmla="*/ 0 h 1082188"/>
                <a:gd name="connsiteX6" fmla="*/ 1636634 w 1817002"/>
                <a:gd name="connsiteY6" fmla="*/ 0 h 1082188"/>
                <a:gd name="connsiteX7" fmla="*/ 1817002 w 1817002"/>
                <a:gd name="connsiteY7" fmla="*/ 180368 h 1082188"/>
                <a:gd name="connsiteX8" fmla="*/ 1817002 w 1817002"/>
                <a:gd name="connsiteY8" fmla="*/ 901819 h 1082188"/>
                <a:gd name="connsiteX9" fmla="*/ 1636634 w 1817002"/>
                <a:gd name="connsiteY9" fmla="*/ 1082187 h 1082188"/>
                <a:gd name="connsiteX10" fmla="*/ 360000 w 1817002"/>
                <a:gd name="connsiteY10" fmla="*/ 1082187 h 108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2" h="1082188">
                  <a:moveTo>
                    <a:pt x="360000" y="1082188"/>
                  </a:moveTo>
                  <a:lnTo>
                    <a:pt x="0" y="1082188"/>
                  </a:lnTo>
                  <a:lnTo>
                    <a:pt x="0" y="901819"/>
                  </a:lnTo>
                  <a:lnTo>
                    <a:pt x="0" y="722188"/>
                  </a:lnTo>
                  <a:lnTo>
                    <a:pt x="0" y="180368"/>
                  </a:lnTo>
                  <a:cubicBezTo>
                    <a:pt x="0" y="80754"/>
                    <a:pt x="80754" y="0"/>
                    <a:pt x="180368" y="0"/>
                  </a:cubicBezTo>
                  <a:lnTo>
                    <a:pt x="1636634" y="0"/>
                  </a:lnTo>
                  <a:cubicBezTo>
                    <a:pt x="1736248" y="0"/>
                    <a:pt x="1817002" y="80754"/>
                    <a:pt x="1817002" y="180368"/>
                  </a:cubicBezTo>
                  <a:lnTo>
                    <a:pt x="1817002" y="901819"/>
                  </a:lnTo>
                  <a:cubicBezTo>
                    <a:pt x="1817002" y="1001433"/>
                    <a:pt x="1736248" y="1082187"/>
                    <a:pt x="1636634" y="1082187"/>
                  </a:cubicBezTo>
                  <a:lnTo>
                    <a:pt x="360000" y="1082187"/>
                  </a:lnTo>
                  <a:close/>
                </a:path>
              </a:pathLst>
            </a:cu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noProof="0" dirty="0" err="1"/>
            </a:p>
          </p:txBody>
        </p:sp>
      </p:grpSp>
      <p:grpSp>
        <p:nvGrpSpPr>
          <p:cNvPr id="46" name="Gruppe 11">
            <a:extLst>
              <a:ext uri="{FF2B5EF4-FFF2-40B4-BE49-F238E27FC236}">
                <a16:creationId xmlns:a16="http://schemas.microsoft.com/office/drawing/2014/main" id="{DBDAE1EB-8CD4-81B7-FC29-CDDDCE37D48B}"/>
              </a:ext>
            </a:extLst>
          </p:cNvPr>
          <p:cNvGrpSpPr/>
          <p:nvPr userDrawn="1"/>
        </p:nvGrpSpPr>
        <p:grpSpPr>
          <a:xfrm>
            <a:off x="9544636" y="2236384"/>
            <a:ext cx="1818002" cy="1401760"/>
            <a:chOff x="9525589" y="2653550"/>
            <a:chExt cx="1818002" cy="1401760"/>
          </a:xfrm>
          <a:solidFill>
            <a:srgbClr val="38025C"/>
          </a:solidFill>
        </p:grpSpPr>
        <p:sp>
          <p:nvSpPr>
            <p:cNvPr id="51" name="Kombinationstegning: figur 10">
              <a:extLst>
                <a:ext uri="{FF2B5EF4-FFF2-40B4-BE49-F238E27FC236}">
                  <a16:creationId xmlns:a16="http://schemas.microsoft.com/office/drawing/2014/main" id="{220EA7B0-5403-836C-6F99-E2E4D14A708D}"/>
                </a:ext>
              </a:extLst>
            </p:cNvPr>
            <p:cNvSpPr/>
            <p:nvPr/>
          </p:nvSpPr>
          <p:spPr>
            <a:xfrm rot="10800000">
              <a:off x="9525589" y="2653550"/>
              <a:ext cx="1818000" cy="1401760"/>
            </a:xfrm>
            <a:custGeom>
              <a:avLst/>
              <a:gdLst>
                <a:gd name="connsiteX0" fmla="*/ 360000 w 1817000"/>
                <a:gd name="connsiteY0" fmla="*/ 1290917 h 1290917"/>
                <a:gd name="connsiteX1" fmla="*/ 0 w 1817000"/>
                <a:gd name="connsiteY1" fmla="*/ 1290917 h 1290917"/>
                <a:gd name="connsiteX2" fmla="*/ 0 w 1817000"/>
                <a:gd name="connsiteY2" fmla="*/ 1092579 h 1290917"/>
                <a:gd name="connsiteX3" fmla="*/ 0 w 1817000"/>
                <a:gd name="connsiteY3" fmla="*/ 930917 h 1290917"/>
                <a:gd name="connsiteX4" fmla="*/ 0 w 1817000"/>
                <a:gd name="connsiteY4" fmla="*/ 198336 h 1290917"/>
                <a:gd name="connsiteX5" fmla="*/ 198336 w 1817000"/>
                <a:gd name="connsiteY5" fmla="*/ 0 h 1290917"/>
                <a:gd name="connsiteX6" fmla="*/ 1618664 w 1817000"/>
                <a:gd name="connsiteY6" fmla="*/ 0 h 1290917"/>
                <a:gd name="connsiteX7" fmla="*/ 1817000 w 1817000"/>
                <a:gd name="connsiteY7" fmla="*/ 198336 h 1290917"/>
                <a:gd name="connsiteX8" fmla="*/ 1817000 w 1817000"/>
                <a:gd name="connsiteY8" fmla="*/ 1092579 h 1290917"/>
                <a:gd name="connsiteX9" fmla="*/ 1618664 w 1817000"/>
                <a:gd name="connsiteY9" fmla="*/ 1290915 h 1290917"/>
                <a:gd name="connsiteX10" fmla="*/ 360000 w 1817000"/>
                <a:gd name="connsiteY10" fmla="*/ 1290915 h 1290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0" h="1290917">
                  <a:moveTo>
                    <a:pt x="360000" y="1290917"/>
                  </a:moveTo>
                  <a:lnTo>
                    <a:pt x="0" y="1290917"/>
                  </a:lnTo>
                  <a:lnTo>
                    <a:pt x="0" y="1092579"/>
                  </a:lnTo>
                  <a:lnTo>
                    <a:pt x="0" y="930917"/>
                  </a:lnTo>
                  <a:lnTo>
                    <a:pt x="0" y="198336"/>
                  </a:lnTo>
                  <a:cubicBezTo>
                    <a:pt x="0" y="88798"/>
                    <a:pt x="88798" y="0"/>
                    <a:pt x="198336" y="0"/>
                  </a:cubicBezTo>
                  <a:lnTo>
                    <a:pt x="1618664" y="0"/>
                  </a:lnTo>
                  <a:cubicBezTo>
                    <a:pt x="1728202" y="0"/>
                    <a:pt x="1817000" y="88798"/>
                    <a:pt x="1817000" y="198336"/>
                  </a:cubicBezTo>
                  <a:lnTo>
                    <a:pt x="1817000" y="1092579"/>
                  </a:lnTo>
                  <a:cubicBezTo>
                    <a:pt x="1817000" y="1202117"/>
                    <a:pt x="1728202" y="1290915"/>
                    <a:pt x="1618664" y="1290915"/>
                  </a:cubicBezTo>
                  <a:lnTo>
                    <a:pt x="360000" y="1290915"/>
                  </a:lnTo>
                  <a:close/>
                </a:path>
              </a:pathLst>
            </a:cu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dirty="0" err="1"/>
            </a:p>
          </p:txBody>
        </p:sp>
        <p:sp>
          <p:nvSpPr>
            <p:cNvPr id="52" name="Kombinationstegning: figur 5">
              <a:extLst>
                <a:ext uri="{FF2B5EF4-FFF2-40B4-BE49-F238E27FC236}">
                  <a16:creationId xmlns:a16="http://schemas.microsoft.com/office/drawing/2014/main" id="{D85D167A-12E0-BF65-AC24-439FAC92329B}"/>
                </a:ext>
              </a:extLst>
            </p:cNvPr>
            <p:cNvSpPr/>
            <p:nvPr/>
          </p:nvSpPr>
          <p:spPr>
            <a:xfrm rot="10800000">
              <a:off x="9525591" y="2653551"/>
              <a:ext cx="1818000" cy="1082188"/>
            </a:xfrm>
            <a:custGeom>
              <a:avLst/>
              <a:gdLst>
                <a:gd name="connsiteX0" fmla="*/ 360000 w 1817002"/>
                <a:gd name="connsiteY0" fmla="*/ 1082188 h 1082188"/>
                <a:gd name="connsiteX1" fmla="*/ 0 w 1817002"/>
                <a:gd name="connsiteY1" fmla="*/ 1082188 h 1082188"/>
                <a:gd name="connsiteX2" fmla="*/ 0 w 1817002"/>
                <a:gd name="connsiteY2" fmla="*/ 901819 h 1082188"/>
                <a:gd name="connsiteX3" fmla="*/ 0 w 1817002"/>
                <a:gd name="connsiteY3" fmla="*/ 722188 h 1082188"/>
                <a:gd name="connsiteX4" fmla="*/ 0 w 1817002"/>
                <a:gd name="connsiteY4" fmla="*/ 180368 h 1082188"/>
                <a:gd name="connsiteX5" fmla="*/ 180368 w 1817002"/>
                <a:gd name="connsiteY5" fmla="*/ 0 h 1082188"/>
                <a:gd name="connsiteX6" fmla="*/ 1636634 w 1817002"/>
                <a:gd name="connsiteY6" fmla="*/ 0 h 1082188"/>
                <a:gd name="connsiteX7" fmla="*/ 1817002 w 1817002"/>
                <a:gd name="connsiteY7" fmla="*/ 180368 h 1082188"/>
                <a:gd name="connsiteX8" fmla="*/ 1817002 w 1817002"/>
                <a:gd name="connsiteY8" fmla="*/ 901819 h 1082188"/>
                <a:gd name="connsiteX9" fmla="*/ 1636634 w 1817002"/>
                <a:gd name="connsiteY9" fmla="*/ 1082187 h 1082188"/>
                <a:gd name="connsiteX10" fmla="*/ 360000 w 1817002"/>
                <a:gd name="connsiteY10" fmla="*/ 1082187 h 108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2" h="1082188">
                  <a:moveTo>
                    <a:pt x="360000" y="1082188"/>
                  </a:moveTo>
                  <a:lnTo>
                    <a:pt x="0" y="1082188"/>
                  </a:lnTo>
                  <a:lnTo>
                    <a:pt x="0" y="901819"/>
                  </a:lnTo>
                  <a:lnTo>
                    <a:pt x="0" y="722188"/>
                  </a:lnTo>
                  <a:lnTo>
                    <a:pt x="0" y="180368"/>
                  </a:lnTo>
                  <a:cubicBezTo>
                    <a:pt x="0" y="80754"/>
                    <a:pt x="80754" y="0"/>
                    <a:pt x="180368" y="0"/>
                  </a:cubicBezTo>
                  <a:lnTo>
                    <a:pt x="1636634" y="0"/>
                  </a:lnTo>
                  <a:cubicBezTo>
                    <a:pt x="1736248" y="0"/>
                    <a:pt x="1817002" y="80754"/>
                    <a:pt x="1817002" y="180368"/>
                  </a:cubicBezTo>
                  <a:lnTo>
                    <a:pt x="1817002" y="901819"/>
                  </a:lnTo>
                  <a:cubicBezTo>
                    <a:pt x="1817002" y="1001433"/>
                    <a:pt x="1736248" y="1082187"/>
                    <a:pt x="1636634" y="1082187"/>
                  </a:cubicBezTo>
                  <a:lnTo>
                    <a:pt x="360000" y="1082187"/>
                  </a:lnTo>
                  <a:close/>
                </a:path>
              </a:pathLst>
            </a:cu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4" name="TextBox 16">
            <a:extLst>
              <a:ext uri="{FF2B5EF4-FFF2-40B4-BE49-F238E27FC236}">
                <a16:creationId xmlns:a16="http://schemas.microsoft.com/office/drawing/2014/main" id="{2AE2448E-0C0D-3BFF-E7A8-4BD44732D48C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pic>
        <p:nvPicPr>
          <p:cNvPr id="3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42471F06-A796-FDF8-0F66-F5CFE8D1E8C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926792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repeatCount="indefinite" accel="50000" decel="50000" autoRev="1" fill="hold" grpId="0" nodeType="withEffect">
                                  <p:stCondLst>
                                    <p:cond delay="6000"/>
                                  </p:stCondLst>
                                  <p:childTnLst>
                                    <p:animMotion origin="layout" path="M -8.33333E-7 -1.48148E-6 L 0.21224 -1.48148E-6 " pathEditMode="relative" rAng="0" ptsTypes="AA">
                                      <p:cBhvr>
                                        <p:cTn id="6" dur="5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0612" y="0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64" presetClass="path" presetSubtype="0" repeatCount="indefinite" accel="50000" decel="50000" autoRev="1" fill="hold" nodeType="withEffect">
                                  <p:stCondLst>
                                    <p:cond delay="1700"/>
                                  </p:stCondLst>
                                  <p:childTnLst>
                                    <p:animMotion origin="layout" path="M -1.875E-6 -7.40741E-7 L -1.875E-6 -0.09699 " pathEditMode="relative" rAng="0" ptsTypes="AA">
                                      <p:cBhvr>
                                        <p:cTn id="8" dur="675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4861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64" presetClass="path" presetSubtype="0" repeatCount="indefinite" accel="50000" decel="50000" autoRev="1" fill="hold" nodeType="withEffect">
                                  <p:stCondLst>
                                    <p:cond delay="2300"/>
                                  </p:stCondLst>
                                  <p:childTnLst>
                                    <p:animMotion origin="layout" path="M -1.875E-6 1.48148E-6 L -1.875E-6 -0.02917 " pathEditMode="relative" rAng="0" ptsTypes="AA">
                                      <p:cBhvr>
                                        <p:cTn id="10" dur="675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1458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42" presetClass="path" presetSubtype="0" repeatCount="indefinite" accel="50000" decel="50000" autoRev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91667E-6 3.7037E-7 L 0.05742 3.7037E-7 " pathEditMode="relative" rAng="0" ptsTypes="AA">
                                      <p:cBhvr>
                                        <p:cTn id="12" dur="675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865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 animBg="1"/>
    </p:bld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1429E5F2-0255-4760-9B2A-22AD360D02D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C84352-D824-4ADF-B67A-AA51ABA71A5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828D70AA-4CBD-4E0A-BDA8-1D9034F361E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BDBDE96-D710-4CFC-A030-3FC341BF5A6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5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2" name="Text Placeholder 3">
            <a:extLst>
              <a:ext uri="{FF2B5EF4-FFF2-40B4-BE49-F238E27FC236}">
                <a16:creationId xmlns:a16="http://schemas.microsoft.com/office/drawing/2014/main" id="{42196725-AD8D-E5FE-B821-BC5B6680311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1944000"/>
            <a:ext cx="669625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1pPr>
            <a:lvl2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2pPr>
            <a:lvl3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3pPr>
            <a:lvl4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4pPr>
            <a:lvl5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5pPr>
            <a:lvl6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6pPr>
            <a:lvl7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7pPr>
            <a:lvl8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8pPr>
            <a:lvl9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01</a:t>
            </a:r>
          </a:p>
          <a:p>
            <a:pPr lvl="1"/>
            <a:endParaRPr lang="da-DK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2F87528-4E5C-571A-6979-6A0D27D0358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576388" y="1944000"/>
            <a:ext cx="9966326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tx1"/>
                </a:solidFill>
              </a:defRPr>
            </a:lvl1pPr>
            <a:lvl2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2pPr>
            <a:lvl3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3pPr>
            <a:lvl4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4pPr>
            <a:lvl5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5pPr>
            <a:lvl6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6pPr>
            <a:lvl7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7pPr>
            <a:lvl8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8pPr>
            <a:lvl9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agendapunkt</a:t>
            </a:r>
          </a:p>
          <a:p>
            <a:pPr lvl="1"/>
            <a:endParaRPr lang="da-DK" noProof="0" dirty="0"/>
          </a:p>
        </p:txBody>
      </p:sp>
      <p:pic>
        <p:nvPicPr>
          <p:cNvPr id="4" name="Dynamic logo hvid" descr="{&quot;templafy&quot;:{&quot;id&quot;:&quot;e5746841-c204-425d-9bd7-aa9699e2533e&quot;}}">
            <a:extLst>
              <a:ext uri="{FF2B5EF4-FFF2-40B4-BE49-F238E27FC236}">
                <a16:creationId xmlns:a16="http://schemas.microsoft.com/office/drawing/2014/main" id="{BF04F9C3-BA5D-C752-A541-21396322B3A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6146006"/>
            <a:ext cx="3224210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1326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1429E5F2-0255-4760-9B2A-22AD360D02D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0723F5-A138-4A95-806D-9BEAFEEC8B34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828D70AA-4CBD-4E0A-BDA8-1D9034F361E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BDBDE96-D710-4CFC-A030-3FC341BF5A6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51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2" name="Text Placeholder 3">
            <a:extLst>
              <a:ext uri="{FF2B5EF4-FFF2-40B4-BE49-F238E27FC236}">
                <a16:creationId xmlns:a16="http://schemas.microsoft.com/office/drawing/2014/main" id="{42196725-AD8D-E5FE-B821-BC5B6680311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1944000"/>
            <a:ext cx="669625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1pPr>
            <a:lvl2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2pPr>
            <a:lvl3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3pPr>
            <a:lvl4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4pPr>
            <a:lvl5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5pPr>
            <a:lvl6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6pPr>
            <a:lvl7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7pPr>
            <a:lvl8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8pPr>
            <a:lvl9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01</a:t>
            </a:r>
          </a:p>
          <a:p>
            <a:pPr lvl="1"/>
            <a:endParaRPr lang="da-DK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2F87528-4E5C-571A-6979-6A0D27D0358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576388" y="1944000"/>
            <a:ext cx="9966326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accent1"/>
                </a:solidFill>
              </a:defRPr>
            </a:lvl1pPr>
            <a:lvl2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2pPr>
            <a:lvl3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3pPr>
            <a:lvl4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4pPr>
            <a:lvl5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5pPr>
            <a:lvl6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6pPr>
            <a:lvl7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7pPr>
            <a:lvl8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8pPr>
            <a:lvl9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noProof="0" dirty="0"/>
              <a:t>Klik for at tilføje agendapunkt</a:t>
            </a:r>
          </a:p>
          <a:p>
            <a:pPr lvl="1"/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87061882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tidspunkt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1429E5F2-0255-4760-9B2A-22AD360D02D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9A334B8-94C2-4F5F-A26B-D047E4B357D2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828D70AA-4CBD-4E0A-BDA8-1D9034F361E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BDBDE96-D710-4CFC-A030-3FC341BF5A6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5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2" name="Text Placeholder 3">
            <a:extLst>
              <a:ext uri="{FF2B5EF4-FFF2-40B4-BE49-F238E27FC236}">
                <a16:creationId xmlns:a16="http://schemas.microsoft.com/office/drawing/2014/main" id="{42196725-AD8D-E5FE-B821-BC5B6680311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1944000"/>
            <a:ext cx="1304625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1pPr>
            <a:lvl2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2pPr>
            <a:lvl3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3pPr>
            <a:lvl4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4pPr>
            <a:lvl5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5pPr>
            <a:lvl6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6pPr>
            <a:lvl7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7pPr>
            <a:lvl8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8pPr>
            <a:lvl9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08.00</a:t>
            </a:r>
          </a:p>
          <a:p>
            <a:pPr lvl="1"/>
            <a:endParaRPr lang="da-DK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2F87528-4E5C-571A-6979-6A0D27D0358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247900" y="1944000"/>
            <a:ext cx="9294813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tx1"/>
                </a:solidFill>
              </a:defRPr>
            </a:lvl1pPr>
            <a:lvl2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2pPr>
            <a:lvl3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3pPr>
            <a:lvl4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4pPr>
            <a:lvl5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5pPr>
            <a:lvl6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6pPr>
            <a:lvl7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7pPr>
            <a:lvl8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8pPr>
            <a:lvl9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agendapunkt</a:t>
            </a:r>
          </a:p>
          <a:p>
            <a:pPr lvl="1"/>
            <a:endParaRPr lang="da-DK" noProof="0" dirty="0"/>
          </a:p>
        </p:txBody>
      </p:sp>
      <p:pic>
        <p:nvPicPr>
          <p:cNvPr id="4" name="Dynamic logo hvid" descr="{&quot;templafy&quot;:{&quot;id&quot;:&quot;e5746841-c204-425d-9bd7-aa9699e2533e&quot;}}">
            <a:extLst>
              <a:ext uri="{FF2B5EF4-FFF2-40B4-BE49-F238E27FC236}">
                <a16:creationId xmlns:a16="http://schemas.microsoft.com/office/drawing/2014/main" id="{5E4BAB37-593E-F6F9-F942-022F35EDF9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6146006"/>
            <a:ext cx="3224210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2111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dspunkt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1429E5F2-0255-4760-9B2A-22AD360D02D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8D8C2F2-679C-4048-B1FF-69BB2ED69E51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828D70AA-4CBD-4E0A-BDA8-1D9034F361E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BDBDE96-D710-4CFC-A030-3FC341BF5A6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51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2" name="Text Placeholder 3">
            <a:extLst>
              <a:ext uri="{FF2B5EF4-FFF2-40B4-BE49-F238E27FC236}">
                <a16:creationId xmlns:a16="http://schemas.microsoft.com/office/drawing/2014/main" id="{42196725-AD8D-E5FE-B821-BC5B6680311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1944000"/>
            <a:ext cx="1304625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1pPr>
            <a:lvl2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2pPr>
            <a:lvl3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3pPr>
            <a:lvl4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4pPr>
            <a:lvl5pPr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5pPr>
            <a:lvl6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6pPr>
            <a:lvl7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7pPr>
            <a:lvl8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8pPr>
            <a:lvl9pPr>
              <a:lnSpc>
                <a:spcPts val="4400"/>
              </a:lnSpc>
              <a:spcAft>
                <a:spcPts val="0"/>
              </a:spcAft>
              <a:defRPr sz="40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08.00</a:t>
            </a:r>
          </a:p>
          <a:p>
            <a:pPr lvl="1"/>
            <a:endParaRPr lang="da-DK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2F87528-4E5C-571A-6979-6A0D27D0358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247900" y="1944000"/>
            <a:ext cx="9294813" cy="4006800"/>
          </a:xfrm>
        </p:spPr>
        <p:txBody>
          <a:bodyPr/>
          <a:lstStyle>
            <a:lvl1pPr marL="0" indent="0">
              <a:lnSpc>
                <a:spcPts val="44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4000">
                <a:solidFill>
                  <a:schemeClr val="accent1"/>
                </a:solidFill>
              </a:defRPr>
            </a:lvl1pPr>
            <a:lvl2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2pPr>
            <a:lvl3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3pPr>
            <a:lvl4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4pPr>
            <a:lvl5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5pPr>
            <a:lvl6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6pPr>
            <a:lvl7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7pPr>
            <a:lvl8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8pPr>
            <a:lvl9pPr marL="0" indent="0">
              <a:lnSpc>
                <a:spcPts val="4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noProof="0" dirty="0"/>
              <a:t>Klik for at tilføje agendapunkt</a:t>
            </a:r>
          </a:p>
          <a:p>
            <a:pPr lvl="1"/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13730359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tabel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1429E5F2-0255-4760-9B2A-22AD360D02D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1FEFFC-31B0-457C-A3D6-5C8ECDAEBB2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828D70AA-4CBD-4E0A-BDA8-1D9034F361E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BDBDE96-D710-4CFC-A030-3FC341BF5A6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7999"/>
            <a:ext cx="10897200" cy="75092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7" name="Pladsholder til tabel 6">
            <a:extLst>
              <a:ext uri="{FF2B5EF4-FFF2-40B4-BE49-F238E27FC236}">
                <a16:creationId xmlns:a16="http://schemas.microsoft.com/office/drawing/2014/main" id="{30C11071-5D19-0FA9-64F6-6DEDF09EC59B}"/>
              </a:ext>
            </a:extLst>
          </p:cNvPr>
          <p:cNvSpPr>
            <a:spLocks noGrp="1"/>
          </p:cNvSpPr>
          <p:nvPr>
            <p:ph type="tbl" sz="quarter" idx="18" hasCustomPrompt="1"/>
          </p:nvPr>
        </p:nvSpPr>
        <p:spPr>
          <a:xfrm>
            <a:off x="647700" y="1400400"/>
            <a:ext cx="10895013" cy="4549550"/>
          </a:xfrm>
        </p:spPr>
        <p:txBody>
          <a:bodyPr tIns="684000" anchor="ctr" anchorCtr="0"/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ikonet for at indsætte agenda tabel</a:t>
            </a:r>
          </a:p>
        </p:txBody>
      </p:sp>
      <p:pic>
        <p:nvPicPr>
          <p:cNvPr id="2" name="Dynamic logo hvid" descr="{&quot;templafy&quot;:{&quot;id&quot;:&quot;e5746841-c204-425d-9bd7-aa9699e2533e&quot;}}">
            <a:extLst>
              <a:ext uri="{FF2B5EF4-FFF2-40B4-BE49-F238E27FC236}">
                <a16:creationId xmlns:a16="http://schemas.microsoft.com/office/drawing/2014/main" id="{7CDDD8E8-E9E2-9D55-9648-F5FA285DF2E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6146006"/>
            <a:ext cx="3224210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77218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882">
          <p15:clr>
            <a:srgbClr val="F26B43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 stor titel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4854BEB-E42B-41CA-9C2A-29C2A5ED8DE1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8" name="Kombinationstegning: figur 17">
            <a:extLst>
              <a:ext uri="{FF2B5EF4-FFF2-40B4-BE49-F238E27FC236}">
                <a16:creationId xmlns:a16="http://schemas.microsoft.com/office/drawing/2014/main" id="{0BE627A4-7FDC-7163-2482-DB104564D43E}"/>
              </a:ext>
            </a:extLst>
          </p:cNvPr>
          <p:cNvSpPr>
            <a:spLocks noChangeAspect="1"/>
          </p:cNvSpPr>
          <p:nvPr userDrawn="1"/>
        </p:nvSpPr>
        <p:spPr>
          <a:xfrm>
            <a:off x="9777320" y="954000"/>
            <a:ext cx="1774842" cy="864000"/>
          </a:xfrm>
          <a:custGeom>
            <a:avLst/>
            <a:gdLst>
              <a:gd name="connsiteX0" fmla="*/ 162839 w 1774842"/>
              <a:gd name="connsiteY0" fmla="*/ 0 h 864000"/>
              <a:gd name="connsiteX1" fmla="*/ 1124753 w 1774842"/>
              <a:gd name="connsiteY1" fmla="*/ 0 h 864000"/>
              <a:gd name="connsiteX2" fmla="*/ 1182661 w 1774842"/>
              <a:gd name="connsiteY2" fmla="*/ 0 h 864000"/>
              <a:gd name="connsiteX3" fmla="*/ 1342842 w 1774842"/>
              <a:gd name="connsiteY3" fmla="*/ 0 h 864000"/>
              <a:gd name="connsiteX4" fmla="*/ 1345500 w 1774842"/>
              <a:gd name="connsiteY4" fmla="*/ 0 h 864000"/>
              <a:gd name="connsiteX5" fmla="*/ 1345500 w 1774842"/>
              <a:gd name="connsiteY5" fmla="*/ 268 h 864000"/>
              <a:gd name="connsiteX6" fmla="*/ 1429905 w 1774842"/>
              <a:gd name="connsiteY6" fmla="*/ 8777 h 864000"/>
              <a:gd name="connsiteX7" fmla="*/ 1774842 w 1774842"/>
              <a:gd name="connsiteY7" fmla="*/ 432000 h 864000"/>
              <a:gd name="connsiteX8" fmla="*/ 1429905 w 1774842"/>
              <a:gd name="connsiteY8" fmla="*/ 855223 h 864000"/>
              <a:gd name="connsiteX9" fmla="*/ 1345500 w 1774842"/>
              <a:gd name="connsiteY9" fmla="*/ 863732 h 864000"/>
              <a:gd name="connsiteX10" fmla="*/ 1345500 w 1774842"/>
              <a:gd name="connsiteY10" fmla="*/ 864000 h 864000"/>
              <a:gd name="connsiteX11" fmla="*/ 1342842 w 1774842"/>
              <a:gd name="connsiteY11" fmla="*/ 864000 h 864000"/>
              <a:gd name="connsiteX12" fmla="*/ 1182661 w 1774842"/>
              <a:gd name="connsiteY12" fmla="*/ 864000 h 864000"/>
              <a:gd name="connsiteX13" fmla="*/ 1124753 w 1774842"/>
              <a:gd name="connsiteY13" fmla="*/ 864000 h 864000"/>
              <a:gd name="connsiteX14" fmla="*/ 220747 w 1774842"/>
              <a:gd name="connsiteY14" fmla="*/ 864000 h 864000"/>
              <a:gd name="connsiteX15" fmla="*/ 162839 w 1774842"/>
              <a:gd name="connsiteY15" fmla="*/ 864000 h 864000"/>
              <a:gd name="connsiteX16" fmla="*/ 0 w 1774842"/>
              <a:gd name="connsiteY16" fmla="*/ 864000 h 864000"/>
              <a:gd name="connsiteX17" fmla="*/ 0 w 1774842"/>
              <a:gd name="connsiteY17" fmla="*/ 698648 h 864000"/>
              <a:gd name="connsiteX18" fmla="*/ 0 w 1774842"/>
              <a:gd name="connsiteY18" fmla="*/ 639847 h 864000"/>
              <a:gd name="connsiteX19" fmla="*/ 0 w 1774842"/>
              <a:gd name="connsiteY19" fmla="*/ 165352 h 864000"/>
              <a:gd name="connsiteX20" fmla="*/ 162839 w 1774842"/>
              <a:gd name="connsiteY20" fmla="*/ 0 h 86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774842" h="864000">
                <a:moveTo>
                  <a:pt x="162839" y="0"/>
                </a:moveTo>
                <a:lnTo>
                  <a:pt x="1124753" y="0"/>
                </a:lnTo>
                <a:lnTo>
                  <a:pt x="1182661" y="0"/>
                </a:lnTo>
                <a:lnTo>
                  <a:pt x="1342842" y="0"/>
                </a:lnTo>
                <a:lnTo>
                  <a:pt x="1345500" y="0"/>
                </a:lnTo>
                <a:lnTo>
                  <a:pt x="1345500" y="268"/>
                </a:lnTo>
                <a:lnTo>
                  <a:pt x="1429905" y="8777"/>
                </a:lnTo>
                <a:cubicBezTo>
                  <a:pt x="1626760" y="49059"/>
                  <a:pt x="1774842" y="223236"/>
                  <a:pt x="1774842" y="432000"/>
                </a:cubicBezTo>
                <a:cubicBezTo>
                  <a:pt x="1774842" y="640764"/>
                  <a:pt x="1626760" y="814941"/>
                  <a:pt x="1429905" y="855223"/>
                </a:cubicBezTo>
                <a:lnTo>
                  <a:pt x="1345500" y="863732"/>
                </a:lnTo>
                <a:lnTo>
                  <a:pt x="1345500" y="864000"/>
                </a:lnTo>
                <a:lnTo>
                  <a:pt x="1342842" y="864000"/>
                </a:lnTo>
                <a:lnTo>
                  <a:pt x="1182661" y="864000"/>
                </a:lnTo>
                <a:lnTo>
                  <a:pt x="1124753" y="864000"/>
                </a:lnTo>
                <a:lnTo>
                  <a:pt x="220747" y="864000"/>
                </a:lnTo>
                <a:lnTo>
                  <a:pt x="162839" y="864000"/>
                </a:lnTo>
                <a:lnTo>
                  <a:pt x="0" y="864000"/>
                </a:lnTo>
                <a:lnTo>
                  <a:pt x="0" y="698648"/>
                </a:lnTo>
                <a:lnTo>
                  <a:pt x="0" y="639847"/>
                </a:lnTo>
                <a:lnTo>
                  <a:pt x="0" y="165352"/>
                </a:lnTo>
                <a:cubicBezTo>
                  <a:pt x="0" y="74031"/>
                  <a:pt x="72906" y="0"/>
                  <a:pt x="162839" y="0"/>
                </a:cubicBezTo>
                <a:close/>
              </a:path>
            </a:pathLst>
          </a:custGeom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4" name="Titel">
            <a:extLst>
              <a:ext uri="{FF2B5EF4-FFF2-40B4-BE49-F238E27FC236}">
                <a16:creationId xmlns:a16="http://schemas.microsoft.com/office/drawing/2014/main" id="{C44909EA-9C54-585A-B2CB-48ABD86659D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799" y="1944000"/>
            <a:ext cx="11153913" cy="2811462"/>
          </a:xfrm>
          <a:custGeom>
            <a:avLst/>
            <a:gdLst>
              <a:gd name="connsiteX0" fmla="*/ 0 w 11113200"/>
              <a:gd name="connsiteY0" fmla="*/ 0 h 2811462"/>
              <a:gd name="connsiteX1" fmla="*/ 336616 w 11113200"/>
              <a:gd name="connsiteY1" fmla="*/ 0 h 2811462"/>
              <a:gd name="connsiteX2" fmla="*/ 928687 w 11113200"/>
              <a:gd name="connsiteY2" fmla="*/ 0 h 2811462"/>
              <a:gd name="connsiteX3" fmla="*/ 10776584 w 11113200"/>
              <a:gd name="connsiteY3" fmla="*/ 0 h 2811462"/>
              <a:gd name="connsiteX4" fmla="*/ 11113200 w 11113200"/>
              <a:gd name="connsiteY4" fmla="*/ 336616 h 2811462"/>
              <a:gd name="connsiteX5" fmla="*/ 11113200 w 11113200"/>
              <a:gd name="connsiteY5" fmla="*/ 2474846 h 2811462"/>
              <a:gd name="connsiteX6" fmla="*/ 10776584 w 11113200"/>
              <a:gd name="connsiteY6" fmla="*/ 2811462 h 2811462"/>
              <a:gd name="connsiteX7" fmla="*/ 336616 w 11113200"/>
              <a:gd name="connsiteY7" fmla="*/ 2811462 h 2811462"/>
              <a:gd name="connsiteX8" fmla="*/ 0 w 11113200"/>
              <a:gd name="connsiteY8" fmla="*/ 2474846 h 2811462"/>
              <a:gd name="connsiteX9" fmla="*/ 0 w 11113200"/>
              <a:gd name="connsiteY9" fmla="*/ 855406 h 2811462"/>
              <a:gd name="connsiteX10" fmla="*/ 0 w 11113200"/>
              <a:gd name="connsiteY10" fmla="*/ 336616 h 28114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1113200" h="2811462">
                <a:moveTo>
                  <a:pt x="0" y="0"/>
                </a:moveTo>
                <a:lnTo>
                  <a:pt x="336616" y="0"/>
                </a:lnTo>
                <a:lnTo>
                  <a:pt x="928687" y="0"/>
                </a:lnTo>
                <a:lnTo>
                  <a:pt x="10776584" y="0"/>
                </a:lnTo>
                <a:cubicBezTo>
                  <a:pt x="10962492" y="0"/>
                  <a:pt x="11113200" y="150708"/>
                  <a:pt x="11113200" y="336616"/>
                </a:cubicBezTo>
                <a:lnTo>
                  <a:pt x="11113200" y="2474846"/>
                </a:lnTo>
                <a:cubicBezTo>
                  <a:pt x="11113200" y="2660754"/>
                  <a:pt x="10962492" y="2811462"/>
                  <a:pt x="10776584" y="2811462"/>
                </a:cubicBezTo>
                <a:lnTo>
                  <a:pt x="336616" y="2811462"/>
                </a:lnTo>
                <a:cubicBezTo>
                  <a:pt x="150708" y="2811462"/>
                  <a:pt x="0" y="2660754"/>
                  <a:pt x="0" y="2474846"/>
                </a:cubicBezTo>
                <a:lnTo>
                  <a:pt x="0" y="855406"/>
                </a:lnTo>
                <a:lnTo>
                  <a:pt x="0" y="336616"/>
                </a:lnTo>
                <a:close/>
              </a:path>
            </a:pathLst>
          </a:custGeom>
          <a:ln w="15875">
            <a:solidFill>
              <a:schemeClr val="accent1"/>
            </a:solidFill>
          </a:ln>
        </p:spPr>
        <p:txBody>
          <a:bodyPr wrap="square" lIns="360000" tIns="324000" rIns="360000" bIns="360000" anchor="ctr" anchorCtr="0">
            <a:noAutofit/>
          </a:bodyPr>
          <a:lstStyle>
            <a:lvl1pPr algn="ctr">
              <a:lnSpc>
                <a:spcPct val="100000"/>
              </a:lnSpc>
              <a:defRPr sz="9600" b="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og tilføj titel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89E3EBE-8AA5-6E31-828C-000E9EB1551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26816" y="954000"/>
            <a:ext cx="900000" cy="864000"/>
          </a:xfrm>
        </p:spPr>
        <p:txBody>
          <a:bodyPr tIns="36000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solidFill>
                  <a:schemeClr val="bg1"/>
                </a:solidFill>
                <a:latin typeface="DI Numbers Office" pitchFamily="2" charset="0"/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01</a:t>
            </a:r>
          </a:p>
        </p:txBody>
      </p:sp>
    </p:spTree>
    <p:extLst>
      <p:ext uri="{BB962C8B-B14F-4D97-AF65-F5344CB8AC3E}">
        <p14:creationId xmlns:p14="http://schemas.microsoft.com/office/powerpoint/2010/main" val="128908799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 lille titel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1A1CD55-E521-44FD-A6A5-0C1A34CA2475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4" name="Titel">
            <a:extLst>
              <a:ext uri="{FF2B5EF4-FFF2-40B4-BE49-F238E27FC236}">
                <a16:creationId xmlns:a16="http://schemas.microsoft.com/office/drawing/2014/main" id="{C44909EA-9C54-585A-B2CB-48ABD86659D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799" y="1944000"/>
            <a:ext cx="11153913" cy="2811462"/>
          </a:xfrm>
          <a:custGeom>
            <a:avLst/>
            <a:gdLst>
              <a:gd name="connsiteX0" fmla="*/ 0 w 11113200"/>
              <a:gd name="connsiteY0" fmla="*/ 0 h 2811462"/>
              <a:gd name="connsiteX1" fmla="*/ 336616 w 11113200"/>
              <a:gd name="connsiteY1" fmla="*/ 0 h 2811462"/>
              <a:gd name="connsiteX2" fmla="*/ 928687 w 11113200"/>
              <a:gd name="connsiteY2" fmla="*/ 0 h 2811462"/>
              <a:gd name="connsiteX3" fmla="*/ 10776584 w 11113200"/>
              <a:gd name="connsiteY3" fmla="*/ 0 h 2811462"/>
              <a:gd name="connsiteX4" fmla="*/ 11113200 w 11113200"/>
              <a:gd name="connsiteY4" fmla="*/ 336616 h 2811462"/>
              <a:gd name="connsiteX5" fmla="*/ 11113200 w 11113200"/>
              <a:gd name="connsiteY5" fmla="*/ 2474846 h 2811462"/>
              <a:gd name="connsiteX6" fmla="*/ 10776584 w 11113200"/>
              <a:gd name="connsiteY6" fmla="*/ 2811462 h 2811462"/>
              <a:gd name="connsiteX7" fmla="*/ 336616 w 11113200"/>
              <a:gd name="connsiteY7" fmla="*/ 2811462 h 2811462"/>
              <a:gd name="connsiteX8" fmla="*/ 0 w 11113200"/>
              <a:gd name="connsiteY8" fmla="*/ 2474846 h 2811462"/>
              <a:gd name="connsiteX9" fmla="*/ 0 w 11113200"/>
              <a:gd name="connsiteY9" fmla="*/ 855406 h 2811462"/>
              <a:gd name="connsiteX10" fmla="*/ 0 w 11113200"/>
              <a:gd name="connsiteY10" fmla="*/ 336616 h 28114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1113200" h="2811462">
                <a:moveTo>
                  <a:pt x="0" y="0"/>
                </a:moveTo>
                <a:lnTo>
                  <a:pt x="336616" y="0"/>
                </a:lnTo>
                <a:lnTo>
                  <a:pt x="928687" y="0"/>
                </a:lnTo>
                <a:lnTo>
                  <a:pt x="10776584" y="0"/>
                </a:lnTo>
                <a:cubicBezTo>
                  <a:pt x="10962492" y="0"/>
                  <a:pt x="11113200" y="150708"/>
                  <a:pt x="11113200" y="336616"/>
                </a:cubicBezTo>
                <a:lnTo>
                  <a:pt x="11113200" y="2474846"/>
                </a:lnTo>
                <a:cubicBezTo>
                  <a:pt x="11113200" y="2660754"/>
                  <a:pt x="10962492" y="2811462"/>
                  <a:pt x="10776584" y="2811462"/>
                </a:cubicBezTo>
                <a:lnTo>
                  <a:pt x="336616" y="2811462"/>
                </a:lnTo>
                <a:cubicBezTo>
                  <a:pt x="150708" y="2811462"/>
                  <a:pt x="0" y="2660754"/>
                  <a:pt x="0" y="2474846"/>
                </a:cubicBezTo>
                <a:lnTo>
                  <a:pt x="0" y="855406"/>
                </a:lnTo>
                <a:lnTo>
                  <a:pt x="0" y="336616"/>
                </a:lnTo>
                <a:close/>
              </a:path>
            </a:pathLst>
          </a:custGeom>
          <a:ln w="15875">
            <a:solidFill>
              <a:schemeClr val="accent1"/>
            </a:solidFill>
          </a:ln>
        </p:spPr>
        <p:txBody>
          <a:bodyPr wrap="square" lIns="360000" tIns="360000" rIns="360000" bIns="360000" anchor="t" anchorCtr="0">
            <a:noAutofit/>
          </a:bodyPr>
          <a:lstStyle>
            <a:lvl1pPr algn="l">
              <a:lnSpc>
                <a:spcPct val="89000"/>
              </a:lnSpc>
              <a:defRPr sz="4800" b="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og tilføj titel</a:t>
            </a:r>
          </a:p>
        </p:txBody>
      </p:sp>
      <p:sp>
        <p:nvSpPr>
          <p:cNvPr id="2" name="Kombinationstegning: figur 1">
            <a:extLst>
              <a:ext uri="{FF2B5EF4-FFF2-40B4-BE49-F238E27FC236}">
                <a16:creationId xmlns:a16="http://schemas.microsoft.com/office/drawing/2014/main" id="{25FAA383-8643-B920-15C7-85B2976664FC}"/>
              </a:ext>
            </a:extLst>
          </p:cNvPr>
          <p:cNvSpPr>
            <a:spLocks noChangeAspect="1"/>
          </p:cNvSpPr>
          <p:nvPr userDrawn="1"/>
        </p:nvSpPr>
        <p:spPr>
          <a:xfrm>
            <a:off x="9777320" y="954000"/>
            <a:ext cx="1774842" cy="864000"/>
          </a:xfrm>
          <a:custGeom>
            <a:avLst/>
            <a:gdLst>
              <a:gd name="connsiteX0" fmla="*/ 162839 w 1774842"/>
              <a:gd name="connsiteY0" fmla="*/ 0 h 864000"/>
              <a:gd name="connsiteX1" fmla="*/ 1124753 w 1774842"/>
              <a:gd name="connsiteY1" fmla="*/ 0 h 864000"/>
              <a:gd name="connsiteX2" fmla="*/ 1182661 w 1774842"/>
              <a:gd name="connsiteY2" fmla="*/ 0 h 864000"/>
              <a:gd name="connsiteX3" fmla="*/ 1342842 w 1774842"/>
              <a:gd name="connsiteY3" fmla="*/ 0 h 864000"/>
              <a:gd name="connsiteX4" fmla="*/ 1345500 w 1774842"/>
              <a:gd name="connsiteY4" fmla="*/ 0 h 864000"/>
              <a:gd name="connsiteX5" fmla="*/ 1345500 w 1774842"/>
              <a:gd name="connsiteY5" fmla="*/ 268 h 864000"/>
              <a:gd name="connsiteX6" fmla="*/ 1429905 w 1774842"/>
              <a:gd name="connsiteY6" fmla="*/ 8777 h 864000"/>
              <a:gd name="connsiteX7" fmla="*/ 1774842 w 1774842"/>
              <a:gd name="connsiteY7" fmla="*/ 432000 h 864000"/>
              <a:gd name="connsiteX8" fmla="*/ 1429905 w 1774842"/>
              <a:gd name="connsiteY8" fmla="*/ 855223 h 864000"/>
              <a:gd name="connsiteX9" fmla="*/ 1345500 w 1774842"/>
              <a:gd name="connsiteY9" fmla="*/ 863732 h 864000"/>
              <a:gd name="connsiteX10" fmla="*/ 1345500 w 1774842"/>
              <a:gd name="connsiteY10" fmla="*/ 864000 h 864000"/>
              <a:gd name="connsiteX11" fmla="*/ 1342842 w 1774842"/>
              <a:gd name="connsiteY11" fmla="*/ 864000 h 864000"/>
              <a:gd name="connsiteX12" fmla="*/ 1182661 w 1774842"/>
              <a:gd name="connsiteY12" fmla="*/ 864000 h 864000"/>
              <a:gd name="connsiteX13" fmla="*/ 1124753 w 1774842"/>
              <a:gd name="connsiteY13" fmla="*/ 864000 h 864000"/>
              <a:gd name="connsiteX14" fmla="*/ 220747 w 1774842"/>
              <a:gd name="connsiteY14" fmla="*/ 864000 h 864000"/>
              <a:gd name="connsiteX15" fmla="*/ 162839 w 1774842"/>
              <a:gd name="connsiteY15" fmla="*/ 864000 h 864000"/>
              <a:gd name="connsiteX16" fmla="*/ 0 w 1774842"/>
              <a:gd name="connsiteY16" fmla="*/ 864000 h 864000"/>
              <a:gd name="connsiteX17" fmla="*/ 0 w 1774842"/>
              <a:gd name="connsiteY17" fmla="*/ 698648 h 864000"/>
              <a:gd name="connsiteX18" fmla="*/ 0 w 1774842"/>
              <a:gd name="connsiteY18" fmla="*/ 639847 h 864000"/>
              <a:gd name="connsiteX19" fmla="*/ 0 w 1774842"/>
              <a:gd name="connsiteY19" fmla="*/ 165352 h 864000"/>
              <a:gd name="connsiteX20" fmla="*/ 162839 w 1774842"/>
              <a:gd name="connsiteY20" fmla="*/ 0 h 86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774842" h="864000">
                <a:moveTo>
                  <a:pt x="162839" y="0"/>
                </a:moveTo>
                <a:lnTo>
                  <a:pt x="1124753" y="0"/>
                </a:lnTo>
                <a:lnTo>
                  <a:pt x="1182661" y="0"/>
                </a:lnTo>
                <a:lnTo>
                  <a:pt x="1342842" y="0"/>
                </a:lnTo>
                <a:lnTo>
                  <a:pt x="1345500" y="0"/>
                </a:lnTo>
                <a:lnTo>
                  <a:pt x="1345500" y="268"/>
                </a:lnTo>
                <a:lnTo>
                  <a:pt x="1429905" y="8777"/>
                </a:lnTo>
                <a:cubicBezTo>
                  <a:pt x="1626760" y="49059"/>
                  <a:pt x="1774842" y="223236"/>
                  <a:pt x="1774842" y="432000"/>
                </a:cubicBezTo>
                <a:cubicBezTo>
                  <a:pt x="1774842" y="640764"/>
                  <a:pt x="1626760" y="814941"/>
                  <a:pt x="1429905" y="855223"/>
                </a:cubicBezTo>
                <a:lnTo>
                  <a:pt x="1345500" y="863732"/>
                </a:lnTo>
                <a:lnTo>
                  <a:pt x="1345500" y="864000"/>
                </a:lnTo>
                <a:lnTo>
                  <a:pt x="1342842" y="864000"/>
                </a:lnTo>
                <a:lnTo>
                  <a:pt x="1182661" y="864000"/>
                </a:lnTo>
                <a:lnTo>
                  <a:pt x="1124753" y="864000"/>
                </a:lnTo>
                <a:lnTo>
                  <a:pt x="220747" y="864000"/>
                </a:lnTo>
                <a:lnTo>
                  <a:pt x="162839" y="864000"/>
                </a:lnTo>
                <a:lnTo>
                  <a:pt x="0" y="864000"/>
                </a:lnTo>
                <a:lnTo>
                  <a:pt x="0" y="698648"/>
                </a:lnTo>
                <a:lnTo>
                  <a:pt x="0" y="639847"/>
                </a:lnTo>
                <a:lnTo>
                  <a:pt x="0" y="165352"/>
                </a:lnTo>
                <a:cubicBezTo>
                  <a:pt x="0" y="74031"/>
                  <a:pt x="72906" y="0"/>
                  <a:pt x="162839" y="0"/>
                </a:cubicBezTo>
                <a:close/>
              </a:path>
            </a:pathLst>
          </a:custGeom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8B7FA76-02C7-CC47-03AF-000FF6CEDE3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26816" y="954000"/>
            <a:ext cx="900000" cy="864000"/>
          </a:xfrm>
        </p:spPr>
        <p:txBody>
          <a:bodyPr tIns="36000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solidFill>
                  <a:schemeClr val="bg1"/>
                </a:solidFill>
                <a:latin typeface="DI Numbers Office" pitchFamily="2" charset="0"/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540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213043610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et indhold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                                                                    Indsæt graf som et billede fra Excel.                                                                                                                   Grafen kan også laves direkte i PowerPoint:                                                                                                             1. Klik på DI fanen                                                                                                                                                              2. Create Chart                                                                      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4" name="Text Placeholder note">
            <a:extLst>
              <a:ext uri="{FF2B5EF4-FFF2-40B4-BE49-F238E27FC236}">
                <a16:creationId xmlns:a16="http://schemas.microsoft.com/office/drawing/2014/main" id="{EF0AF0F1-4779-0FFA-EF48-5157A6907B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id="{EB0117F5-CCCE-538C-5F4B-9E83D036A40E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44D8C6C3-D430-4DAF-92AA-EBC816A3542B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6" name="Pladsholder til sidefod 5" hidden="1">
            <a:extLst>
              <a:ext uri="{FF2B5EF4-FFF2-40B4-BE49-F238E27FC236}">
                <a16:creationId xmlns:a16="http://schemas.microsoft.com/office/drawing/2014/main" id="{D6A145C2-3E64-4708-3BF6-DC7B93D613B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 hidden="1">
            <a:extLst>
              <a:ext uri="{FF2B5EF4-FFF2-40B4-BE49-F238E27FC236}">
                <a16:creationId xmlns:a16="http://schemas.microsoft.com/office/drawing/2014/main" id="{17F63FBC-E640-C1CF-FE98-D81C05D36683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3292514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grafik og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0F9CC8B-76AD-439D-B13F-C37266E9F73E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51" name="Kombinationstegning: figur 50">
            <a:extLst>
              <a:ext uri="{FF2B5EF4-FFF2-40B4-BE49-F238E27FC236}">
                <a16:creationId xmlns:a16="http://schemas.microsoft.com/office/drawing/2014/main" id="{E7C26656-999E-E543-4486-447B68DD471C}"/>
              </a:ext>
            </a:extLst>
          </p:cNvPr>
          <p:cNvSpPr/>
          <p:nvPr userDrawn="1"/>
        </p:nvSpPr>
        <p:spPr>
          <a:xfrm>
            <a:off x="1904246" y="245097"/>
            <a:ext cx="5463070" cy="2666656"/>
          </a:xfrm>
          <a:custGeom>
            <a:avLst/>
            <a:gdLst>
              <a:gd name="connsiteX0" fmla="*/ 181093 w 5463070"/>
              <a:gd name="connsiteY0" fmla="*/ 0 h 2666656"/>
              <a:gd name="connsiteX1" fmla="*/ 5281977 w 5463070"/>
              <a:gd name="connsiteY1" fmla="*/ 0 h 2666656"/>
              <a:gd name="connsiteX2" fmla="*/ 5463070 w 5463070"/>
              <a:gd name="connsiteY2" fmla="*/ 181093 h 2666656"/>
              <a:gd name="connsiteX3" fmla="*/ 5463070 w 5463070"/>
              <a:gd name="connsiteY3" fmla="*/ 2485563 h 2666656"/>
              <a:gd name="connsiteX4" fmla="*/ 5281977 w 5463070"/>
              <a:gd name="connsiteY4" fmla="*/ 2666656 h 2666656"/>
              <a:gd name="connsiteX5" fmla="*/ 575035 w 5463070"/>
              <a:gd name="connsiteY5" fmla="*/ 2666656 h 2666656"/>
              <a:gd name="connsiteX6" fmla="*/ 181093 w 5463070"/>
              <a:gd name="connsiteY6" fmla="*/ 2666656 h 2666656"/>
              <a:gd name="connsiteX7" fmla="*/ 0 w 5463070"/>
              <a:gd name="connsiteY7" fmla="*/ 2666656 h 2666656"/>
              <a:gd name="connsiteX8" fmla="*/ 0 w 5463070"/>
              <a:gd name="connsiteY8" fmla="*/ 2485563 h 2666656"/>
              <a:gd name="connsiteX9" fmla="*/ 0 w 5463070"/>
              <a:gd name="connsiteY9" fmla="*/ 2082194 h 2666656"/>
              <a:gd name="connsiteX10" fmla="*/ 0 w 5463070"/>
              <a:gd name="connsiteY10" fmla="*/ 181093 h 2666656"/>
              <a:gd name="connsiteX11" fmla="*/ 181093 w 5463070"/>
              <a:gd name="connsiteY11" fmla="*/ 0 h 26666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463070" h="2666656">
                <a:moveTo>
                  <a:pt x="181093" y="0"/>
                </a:moveTo>
                <a:lnTo>
                  <a:pt x="5281977" y="0"/>
                </a:lnTo>
                <a:cubicBezTo>
                  <a:pt x="5381992" y="0"/>
                  <a:pt x="5463070" y="81078"/>
                  <a:pt x="5463070" y="181093"/>
                </a:cubicBezTo>
                <a:lnTo>
                  <a:pt x="5463070" y="2485563"/>
                </a:lnTo>
                <a:cubicBezTo>
                  <a:pt x="5463070" y="2585578"/>
                  <a:pt x="5381992" y="2666656"/>
                  <a:pt x="5281977" y="2666656"/>
                </a:cubicBezTo>
                <a:lnTo>
                  <a:pt x="575035" y="2666656"/>
                </a:lnTo>
                <a:lnTo>
                  <a:pt x="181093" y="2666656"/>
                </a:lnTo>
                <a:lnTo>
                  <a:pt x="0" y="2666656"/>
                </a:lnTo>
                <a:lnTo>
                  <a:pt x="0" y="2485563"/>
                </a:lnTo>
                <a:lnTo>
                  <a:pt x="0" y="2082194"/>
                </a:lnTo>
                <a:lnTo>
                  <a:pt x="0" y="181093"/>
                </a:lnTo>
                <a:cubicBezTo>
                  <a:pt x="0" y="81078"/>
                  <a:pt x="81078" y="0"/>
                  <a:pt x="181093" y="0"/>
                </a:cubicBez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9" name="Kombinationstegning: figur 48">
            <a:extLst>
              <a:ext uri="{FF2B5EF4-FFF2-40B4-BE49-F238E27FC236}">
                <a16:creationId xmlns:a16="http://schemas.microsoft.com/office/drawing/2014/main" id="{755B547F-186A-F034-8199-2C5F8838F2F1}"/>
              </a:ext>
            </a:extLst>
          </p:cNvPr>
          <p:cNvSpPr/>
          <p:nvPr userDrawn="1"/>
        </p:nvSpPr>
        <p:spPr>
          <a:xfrm>
            <a:off x="0" y="1"/>
            <a:ext cx="1653766" cy="2900487"/>
          </a:xfrm>
          <a:custGeom>
            <a:avLst/>
            <a:gdLst>
              <a:gd name="connsiteX0" fmla="*/ 0 w 1653766"/>
              <a:gd name="connsiteY0" fmla="*/ 0 h 2900487"/>
              <a:gd name="connsiteX1" fmla="*/ 163177 w 1653766"/>
              <a:gd name="connsiteY1" fmla="*/ 0 h 2900487"/>
              <a:gd name="connsiteX2" fmla="*/ 575035 w 1653766"/>
              <a:gd name="connsiteY2" fmla="*/ 0 h 2900487"/>
              <a:gd name="connsiteX3" fmla="*/ 1078731 w 1653766"/>
              <a:gd name="connsiteY3" fmla="*/ 0 h 2900487"/>
              <a:gd name="connsiteX4" fmla="*/ 1490589 w 1653766"/>
              <a:gd name="connsiteY4" fmla="*/ 0 h 2900487"/>
              <a:gd name="connsiteX5" fmla="*/ 1653766 w 1653766"/>
              <a:gd name="connsiteY5" fmla="*/ 0 h 2900487"/>
              <a:gd name="connsiteX6" fmla="*/ 1653766 w 1653766"/>
              <a:gd name="connsiteY6" fmla="*/ 163177 h 2900487"/>
              <a:gd name="connsiteX7" fmla="*/ 1653766 w 1653766"/>
              <a:gd name="connsiteY7" fmla="*/ 584462 h 2900487"/>
              <a:gd name="connsiteX8" fmla="*/ 1653766 w 1653766"/>
              <a:gd name="connsiteY8" fmla="*/ 2737310 h 2900487"/>
              <a:gd name="connsiteX9" fmla="*/ 1490589 w 1653766"/>
              <a:gd name="connsiteY9" fmla="*/ 2900487 h 2900487"/>
              <a:gd name="connsiteX10" fmla="*/ 575035 w 1653766"/>
              <a:gd name="connsiteY10" fmla="*/ 2900487 h 2900487"/>
              <a:gd name="connsiteX11" fmla="*/ 163177 w 1653766"/>
              <a:gd name="connsiteY11" fmla="*/ 2900487 h 2900487"/>
              <a:gd name="connsiteX12" fmla="*/ 0 w 1653766"/>
              <a:gd name="connsiteY12" fmla="*/ 2900487 h 2900487"/>
              <a:gd name="connsiteX13" fmla="*/ 0 w 1653766"/>
              <a:gd name="connsiteY13" fmla="*/ 2737310 h 2900487"/>
              <a:gd name="connsiteX14" fmla="*/ 0 w 1653766"/>
              <a:gd name="connsiteY14" fmla="*/ 2316025 h 2900487"/>
              <a:gd name="connsiteX15" fmla="*/ 0 w 1653766"/>
              <a:gd name="connsiteY15" fmla="*/ 584462 h 2900487"/>
              <a:gd name="connsiteX16" fmla="*/ 0 w 1653766"/>
              <a:gd name="connsiteY16" fmla="*/ 163177 h 29004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653766" h="2900487">
                <a:moveTo>
                  <a:pt x="0" y="0"/>
                </a:moveTo>
                <a:lnTo>
                  <a:pt x="163177" y="0"/>
                </a:lnTo>
                <a:lnTo>
                  <a:pt x="575035" y="0"/>
                </a:lnTo>
                <a:lnTo>
                  <a:pt x="1078731" y="0"/>
                </a:lnTo>
                <a:lnTo>
                  <a:pt x="1490589" y="0"/>
                </a:lnTo>
                <a:lnTo>
                  <a:pt x="1653766" y="0"/>
                </a:lnTo>
                <a:lnTo>
                  <a:pt x="1653766" y="163177"/>
                </a:lnTo>
                <a:lnTo>
                  <a:pt x="1653766" y="584462"/>
                </a:lnTo>
                <a:lnTo>
                  <a:pt x="1653766" y="2737310"/>
                </a:lnTo>
                <a:cubicBezTo>
                  <a:pt x="1653766" y="2827430"/>
                  <a:pt x="1580709" y="2900487"/>
                  <a:pt x="1490589" y="2900487"/>
                </a:cubicBezTo>
                <a:lnTo>
                  <a:pt x="575035" y="2900487"/>
                </a:lnTo>
                <a:lnTo>
                  <a:pt x="163177" y="2900487"/>
                </a:lnTo>
                <a:lnTo>
                  <a:pt x="0" y="2900487"/>
                </a:lnTo>
                <a:lnTo>
                  <a:pt x="0" y="2737310"/>
                </a:lnTo>
                <a:lnTo>
                  <a:pt x="0" y="2316025"/>
                </a:lnTo>
                <a:lnTo>
                  <a:pt x="0" y="584462"/>
                </a:lnTo>
                <a:lnTo>
                  <a:pt x="0" y="163177"/>
                </a:lnTo>
                <a:close/>
              </a:path>
            </a:pathLst>
          </a:custGeom>
          <a:solidFill>
            <a:schemeClr val="bg1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52" name="Kombinationstegning: figur 51">
            <a:extLst>
              <a:ext uri="{FF2B5EF4-FFF2-40B4-BE49-F238E27FC236}">
                <a16:creationId xmlns:a16="http://schemas.microsoft.com/office/drawing/2014/main" id="{CAE133EE-A739-6965-8F7E-F72BBBD76339}"/>
              </a:ext>
            </a:extLst>
          </p:cNvPr>
          <p:cNvSpPr/>
          <p:nvPr userDrawn="1"/>
        </p:nvSpPr>
        <p:spPr>
          <a:xfrm>
            <a:off x="2541456" y="3171189"/>
            <a:ext cx="2029111" cy="1015913"/>
          </a:xfrm>
          <a:custGeom>
            <a:avLst/>
            <a:gdLst>
              <a:gd name="connsiteX0" fmla="*/ 173752 w 2029111"/>
              <a:gd name="connsiteY0" fmla="*/ 0 h 1015913"/>
              <a:gd name="connsiteX1" fmla="*/ 1855359 w 2029111"/>
              <a:gd name="connsiteY1" fmla="*/ 0 h 1015913"/>
              <a:gd name="connsiteX2" fmla="*/ 2029111 w 2029111"/>
              <a:gd name="connsiteY2" fmla="*/ 173752 h 1015913"/>
              <a:gd name="connsiteX3" fmla="*/ 2029111 w 2029111"/>
              <a:gd name="connsiteY3" fmla="*/ 431451 h 1015913"/>
              <a:gd name="connsiteX4" fmla="*/ 2029111 w 2029111"/>
              <a:gd name="connsiteY4" fmla="*/ 842161 h 1015913"/>
              <a:gd name="connsiteX5" fmla="*/ 2029111 w 2029111"/>
              <a:gd name="connsiteY5" fmla="*/ 1015913 h 1015913"/>
              <a:gd name="connsiteX6" fmla="*/ 1855359 w 2029111"/>
              <a:gd name="connsiteY6" fmla="*/ 1015913 h 1015913"/>
              <a:gd name="connsiteX7" fmla="*/ 1454076 w 2029111"/>
              <a:gd name="connsiteY7" fmla="*/ 1015913 h 1015913"/>
              <a:gd name="connsiteX8" fmla="*/ 173752 w 2029111"/>
              <a:gd name="connsiteY8" fmla="*/ 1015913 h 1015913"/>
              <a:gd name="connsiteX9" fmla="*/ 0 w 2029111"/>
              <a:gd name="connsiteY9" fmla="*/ 842161 h 1015913"/>
              <a:gd name="connsiteX10" fmla="*/ 0 w 2029111"/>
              <a:gd name="connsiteY10" fmla="*/ 173752 h 1015913"/>
              <a:gd name="connsiteX11" fmla="*/ 173752 w 2029111"/>
              <a:gd name="connsiteY11" fmla="*/ 0 h 1015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029111" h="1015913">
                <a:moveTo>
                  <a:pt x="173752" y="0"/>
                </a:moveTo>
                <a:lnTo>
                  <a:pt x="1855359" y="0"/>
                </a:lnTo>
                <a:cubicBezTo>
                  <a:pt x="1951320" y="0"/>
                  <a:pt x="2029111" y="77791"/>
                  <a:pt x="2029111" y="173752"/>
                </a:cubicBezTo>
                <a:lnTo>
                  <a:pt x="2029111" y="431451"/>
                </a:lnTo>
                <a:lnTo>
                  <a:pt x="2029111" y="842161"/>
                </a:lnTo>
                <a:lnTo>
                  <a:pt x="2029111" y="1015913"/>
                </a:lnTo>
                <a:lnTo>
                  <a:pt x="1855359" y="1015913"/>
                </a:lnTo>
                <a:lnTo>
                  <a:pt x="1454076" y="1015913"/>
                </a:lnTo>
                <a:lnTo>
                  <a:pt x="173752" y="1015913"/>
                </a:lnTo>
                <a:cubicBezTo>
                  <a:pt x="77791" y="1015913"/>
                  <a:pt x="0" y="938122"/>
                  <a:pt x="0" y="842161"/>
                </a:cubicBezTo>
                <a:lnTo>
                  <a:pt x="0" y="173752"/>
                </a:lnTo>
                <a:cubicBezTo>
                  <a:pt x="0" y="77791"/>
                  <a:pt x="77791" y="0"/>
                  <a:pt x="173752" y="0"/>
                </a:cubicBez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47999" y="647999"/>
            <a:ext cx="6246514" cy="2052000"/>
          </a:xfrm>
        </p:spPr>
        <p:txBody>
          <a:bodyPr anchor="t" anchorCtr="0"/>
          <a:lstStyle>
            <a:lvl1pPr algn="l">
              <a:defRPr sz="48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indsætte overskrift – max. tre linjer</a:t>
            </a:r>
          </a:p>
        </p:txBody>
      </p:sp>
      <p:sp>
        <p:nvSpPr>
          <p:cNvPr id="10" name="Pladsholder til billede 9">
            <a:extLst>
              <a:ext uri="{FF2B5EF4-FFF2-40B4-BE49-F238E27FC236}">
                <a16:creationId xmlns:a16="http://schemas.microsoft.com/office/drawing/2014/main" id="{DC6C5979-C79E-DC54-42DC-16CE569AC6B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23104" y="3171189"/>
            <a:ext cx="7368895" cy="3053532"/>
          </a:xfrm>
          <a:custGeom>
            <a:avLst/>
            <a:gdLst>
              <a:gd name="connsiteX0" fmla="*/ 153837 w 7368895"/>
              <a:gd name="connsiteY0" fmla="*/ 0 h 3053532"/>
              <a:gd name="connsiteX1" fmla="*/ 6614751 w 7368895"/>
              <a:gd name="connsiteY1" fmla="*/ 0 h 3053532"/>
              <a:gd name="connsiteX2" fmla="*/ 7215058 w 7368895"/>
              <a:gd name="connsiteY2" fmla="*/ 0 h 3053532"/>
              <a:gd name="connsiteX3" fmla="*/ 7368895 w 7368895"/>
              <a:gd name="connsiteY3" fmla="*/ 0 h 3053532"/>
              <a:gd name="connsiteX4" fmla="*/ 7368895 w 7368895"/>
              <a:gd name="connsiteY4" fmla="*/ 153837 h 3053532"/>
              <a:gd name="connsiteX5" fmla="*/ 7368895 w 7368895"/>
              <a:gd name="connsiteY5" fmla="*/ 820132 h 3053532"/>
              <a:gd name="connsiteX6" fmla="*/ 7368895 w 7368895"/>
              <a:gd name="connsiteY6" fmla="*/ 2233400 h 3053532"/>
              <a:gd name="connsiteX7" fmla="*/ 7368895 w 7368895"/>
              <a:gd name="connsiteY7" fmla="*/ 2899695 h 3053532"/>
              <a:gd name="connsiteX8" fmla="*/ 7368895 w 7368895"/>
              <a:gd name="connsiteY8" fmla="*/ 3053532 h 3053532"/>
              <a:gd name="connsiteX9" fmla="*/ 7215058 w 7368895"/>
              <a:gd name="connsiteY9" fmla="*/ 3053532 h 3053532"/>
              <a:gd name="connsiteX10" fmla="*/ 6614751 w 7368895"/>
              <a:gd name="connsiteY10" fmla="*/ 3053532 h 3053532"/>
              <a:gd name="connsiteX11" fmla="*/ 153837 w 7368895"/>
              <a:gd name="connsiteY11" fmla="*/ 3053532 h 3053532"/>
              <a:gd name="connsiteX12" fmla="*/ 0 w 7368895"/>
              <a:gd name="connsiteY12" fmla="*/ 2899695 h 3053532"/>
              <a:gd name="connsiteX13" fmla="*/ 0 w 7368895"/>
              <a:gd name="connsiteY13" fmla="*/ 153837 h 3053532"/>
              <a:gd name="connsiteX14" fmla="*/ 153837 w 7368895"/>
              <a:gd name="connsiteY14" fmla="*/ 0 h 30535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7368895" h="3053532">
                <a:moveTo>
                  <a:pt x="153837" y="0"/>
                </a:moveTo>
                <a:lnTo>
                  <a:pt x="6614751" y="0"/>
                </a:lnTo>
                <a:lnTo>
                  <a:pt x="7215058" y="0"/>
                </a:lnTo>
                <a:lnTo>
                  <a:pt x="7368895" y="0"/>
                </a:lnTo>
                <a:lnTo>
                  <a:pt x="7368895" y="153837"/>
                </a:lnTo>
                <a:lnTo>
                  <a:pt x="7368895" y="820132"/>
                </a:lnTo>
                <a:lnTo>
                  <a:pt x="7368895" y="2233400"/>
                </a:lnTo>
                <a:lnTo>
                  <a:pt x="7368895" y="2899695"/>
                </a:lnTo>
                <a:lnTo>
                  <a:pt x="7368895" y="3053532"/>
                </a:lnTo>
                <a:lnTo>
                  <a:pt x="7215058" y="3053532"/>
                </a:lnTo>
                <a:lnTo>
                  <a:pt x="6614751" y="3053532"/>
                </a:lnTo>
                <a:lnTo>
                  <a:pt x="153837" y="3053532"/>
                </a:lnTo>
                <a:cubicBezTo>
                  <a:pt x="68875" y="3053532"/>
                  <a:pt x="0" y="2984657"/>
                  <a:pt x="0" y="2899695"/>
                </a:cubicBezTo>
                <a:lnTo>
                  <a:pt x="0" y="153837"/>
                </a:lnTo>
                <a:cubicBezTo>
                  <a:pt x="0" y="68875"/>
                  <a:pt x="68875" y="0"/>
                  <a:pt x="153837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bIns="72000" anchor="b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34" name="Kombinationstegning: figur 33">
            <a:extLst>
              <a:ext uri="{FF2B5EF4-FFF2-40B4-BE49-F238E27FC236}">
                <a16:creationId xmlns:a16="http://schemas.microsoft.com/office/drawing/2014/main" id="{E288D085-3325-26CA-2AFA-5BCC11B0C0B8}"/>
              </a:ext>
            </a:extLst>
          </p:cNvPr>
          <p:cNvSpPr/>
          <p:nvPr userDrawn="1"/>
        </p:nvSpPr>
        <p:spPr>
          <a:xfrm>
            <a:off x="0" y="3171189"/>
            <a:ext cx="2288370" cy="1400811"/>
          </a:xfrm>
          <a:custGeom>
            <a:avLst/>
            <a:gdLst>
              <a:gd name="connsiteX0" fmla="*/ 0 w 2288370"/>
              <a:gd name="connsiteY0" fmla="*/ 0 h 1400811"/>
              <a:gd name="connsiteX1" fmla="*/ 174289 w 2288370"/>
              <a:gd name="connsiteY1" fmla="*/ 0 h 1400811"/>
              <a:gd name="connsiteX2" fmla="*/ 575035 w 2288370"/>
              <a:gd name="connsiteY2" fmla="*/ 0 h 1400811"/>
              <a:gd name="connsiteX3" fmla="*/ 2114081 w 2288370"/>
              <a:gd name="connsiteY3" fmla="*/ 0 h 1400811"/>
              <a:gd name="connsiteX4" fmla="*/ 2288370 w 2288370"/>
              <a:gd name="connsiteY4" fmla="*/ 174289 h 1400811"/>
              <a:gd name="connsiteX5" fmla="*/ 2288370 w 2288370"/>
              <a:gd name="connsiteY5" fmla="*/ 816349 h 1400811"/>
              <a:gd name="connsiteX6" fmla="*/ 2288370 w 2288370"/>
              <a:gd name="connsiteY6" fmla="*/ 1226522 h 1400811"/>
              <a:gd name="connsiteX7" fmla="*/ 2288370 w 2288370"/>
              <a:gd name="connsiteY7" fmla="*/ 1400811 h 1400811"/>
              <a:gd name="connsiteX8" fmla="*/ 2114081 w 2288370"/>
              <a:gd name="connsiteY8" fmla="*/ 1400811 h 1400811"/>
              <a:gd name="connsiteX9" fmla="*/ 1713335 w 2288370"/>
              <a:gd name="connsiteY9" fmla="*/ 1400811 h 1400811"/>
              <a:gd name="connsiteX10" fmla="*/ 575035 w 2288370"/>
              <a:gd name="connsiteY10" fmla="*/ 1400811 h 1400811"/>
              <a:gd name="connsiteX11" fmla="*/ 174289 w 2288370"/>
              <a:gd name="connsiteY11" fmla="*/ 1400811 h 1400811"/>
              <a:gd name="connsiteX12" fmla="*/ 0 w 2288370"/>
              <a:gd name="connsiteY12" fmla="*/ 1400811 h 1400811"/>
              <a:gd name="connsiteX13" fmla="*/ 0 w 2288370"/>
              <a:gd name="connsiteY13" fmla="*/ 1226522 h 1400811"/>
              <a:gd name="connsiteX14" fmla="*/ 0 w 2288370"/>
              <a:gd name="connsiteY14" fmla="*/ 816349 h 1400811"/>
              <a:gd name="connsiteX15" fmla="*/ 0 w 2288370"/>
              <a:gd name="connsiteY15" fmla="*/ 584462 h 1400811"/>
              <a:gd name="connsiteX16" fmla="*/ 0 w 2288370"/>
              <a:gd name="connsiteY16" fmla="*/ 174289 h 14008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2288370" h="1400811">
                <a:moveTo>
                  <a:pt x="0" y="0"/>
                </a:moveTo>
                <a:lnTo>
                  <a:pt x="174289" y="0"/>
                </a:lnTo>
                <a:lnTo>
                  <a:pt x="575035" y="0"/>
                </a:lnTo>
                <a:lnTo>
                  <a:pt x="2114081" y="0"/>
                </a:lnTo>
                <a:cubicBezTo>
                  <a:pt x="2210338" y="0"/>
                  <a:pt x="2288370" y="78032"/>
                  <a:pt x="2288370" y="174289"/>
                </a:cubicBezTo>
                <a:lnTo>
                  <a:pt x="2288370" y="816349"/>
                </a:lnTo>
                <a:lnTo>
                  <a:pt x="2288370" y="1226522"/>
                </a:lnTo>
                <a:lnTo>
                  <a:pt x="2288370" y="1400811"/>
                </a:lnTo>
                <a:lnTo>
                  <a:pt x="2114081" y="1400811"/>
                </a:lnTo>
                <a:lnTo>
                  <a:pt x="1713335" y="1400811"/>
                </a:lnTo>
                <a:lnTo>
                  <a:pt x="575035" y="1400811"/>
                </a:lnTo>
                <a:lnTo>
                  <a:pt x="174289" y="1400811"/>
                </a:lnTo>
                <a:lnTo>
                  <a:pt x="0" y="1400811"/>
                </a:lnTo>
                <a:lnTo>
                  <a:pt x="0" y="1226522"/>
                </a:lnTo>
                <a:lnTo>
                  <a:pt x="0" y="816349"/>
                </a:lnTo>
                <a:lnTo>
                  <a:pt x="0" y="584462"/>
                </a:lnTo>
                <a:lnTo>
                  <a:pt x="0" y="174289"/>
                </a:lnTo>
                <a:close/>
              </a:path>
            </a:pathLst>
          </a:custGeom>
          <a:solidFill>
            <a:srgbClr val="BCE194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2" name="Kombinationstegning: figur 21">
            <a:extLst>
              <a:ext uri="{FF2B5EF4-FFF2-40B4-BE49-F238E27FC236}">
                <a16:creationId xmlns:a16="http://schemas.microsoft.com/office/drawing/2014/main" id="{6E611502-B394-CFB5-0632-D4AE070A4C15}"/>
              </a:ext>
            </a:extLst>
          </p:cNvPr>
          <p:cNvSpPr/>
          <p:nvPr userDrawn="1"/>
        </p:nvSpPr>
        <p:spPr>
          <a:xfrm>
            <a:off x="9523026" y="255842"/>
            <a:ext cx="1781422" cy="2657040"/>
          </a:xfrm>
          <a:custGeom>
            <a:avLst/>
            <a:gdLst>
              <a:gd name="connsiteX0" fmla="*/ 161237 w 1781422"/>
              <a:gd name="connsiteY0" fmla="*/ 0 h 2657040"/>
              <a:gd name="connsiteX1" fmla="*/ 1620185 w 1781422"/>
              <a:gd name="connsiteY1" fmla="*/ 0 h 2657040"/>
              <a:gd name="connsiteX2" fmla="*/ 1781422 w 1781422"/>
              <a:gd name="connsiteY2" fmla="*/ 161237 h 2657040"/>
              <a:gd name="connsiteX3" fmla="*/ 1781422 w 1781422"/>
              <a:gd name="connsiteY3" fmla="*/ 2495803 h 2657040"/>
              <a:gd name="connsiteX4" fmla="*/ 1620185 w 1781422"/>
              <a:gd name="connsiteY4" fmla="*/ 2657040 h 2657040"/>
              <a:gd name="connsiteX5" fmla="*/ 575035 w 1781422"/>
              <a:gd name="connsiteY5" fmla="*/ 2657040 h 2657040"/>
              <a:gd name="connsiteX6" fmla="*/ 161237 w 1781422"/>
              <a:gd name="connsiteY6" fmla="*/ 2657040 h 2657040"/>
              <a:gd name="connsiteX7" fmla="*/ 0 w 1781422"/>
              <a:gd name="connsiteY7" fmla="*/ 2657040 h 2657040"/>
              <a:gd name="connsiteX8" fmla="*/ 0 w 1781422"/>
              <a:gd name="connsiteY8" fmla="*/ 2495803 h 2657040"/>
              <a:gd name="connsiteX9" fmla="*/ 0 w 1781422"/>
              <a:gd name="connsiteY9" fmla="*/ 2072578 h 2657040"/>
              <a:gd name="connsiteX10" fmla="*/ 0 w 1781422"/>
              <a:gd name="connsiteY10" fmla="*/ 161237 h 2657040"/>
              <a:gd name="connsiteX11" fmla="*/ 161237 w 1781422"/>
              <a:gd name="connsiteY11" fmla="*/ 0 h 26570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81422" h="2657040">
                <a:moveTo>
                  <a:pt x="161237" y="0"/>
                </a:moveTo>
                <a:lnTo>
                  <a:pt x="1620185" y="0"/>
                </a:lnTo>
                <a:cubicBezTo>
                  <a:pt x="1709234" y="0"/>
                  <a:pt x="1781422" y="72188"/>
                  <a:pt x="1781422" y="161237"/>
                </a:cubicBezTo>
                <a:lnTo>
                  <a:pt x="1781422" y="2495803"/>
                </a:lnTo>
                <a:cubicBezTo>
                  <a:pt x="1781422" y="2584852"/>
                  <a:pt x="1709234" y="2657040"/>
                  <a:pt x="1620185" y="2657040"/>
                </a:cubicBezTo>
                <a:lnTo>
                  <a:pt x="575035" y="2657040"/>
                </a:lnTo>
                <a:lnTo>
                  <a:pt x="161237" y="2657040"/>
                </a:lnTo>
                <a:lnTo>
                  <a:pt x="0" y="2657040"/>
                </a:lnTo>
                <a:lnTo>
                  <a:pt x="0" y="2495803"/>
                </a:lnTo>
                <a:lnTo>
                  <a:pt x="0" y="2072578"/>
                </a:lnTo>
                <a:lnTo>
                  <a:pt x="0" y="161237"/>
                </a:lnTo>
                <a:cubicBezTo>
                  <a:pt x="0" y="72188"/>
                  <a:pt x="72188" y="0"/>
                  <a:pt x="161237" y="0"/>
                </a:cubicBezTo>
                <a:close/>
              </a:path>
            </a:pathLst>
          </a:custGeom>
          <a:solidFill>
            <a:srgbClr val="BCE194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1" name="Kombinationstegning: figur 20">
            <a:extLst>
              <a:ext uri="{FF2B5EF4-FFF2-40B4-BE49-F238E27FC236}">
                <a16:creationId xmlns:a16="http://schemas.microsoft.com/office/drawing/2014/main" id="{D942A283-C7FF-AF14-9139-FB8DE864FB0E}"/>
              </a:ext>
            </a:extLst>
          </p:cNvPr>
          <p:cNvSpPr/>
          <p:nvPr userDrawn="1"/>
        </p:nvSpPr>
        <p:spPr>
          <a:xfrm>
            <a:off x="7608445" y="506947"/>
            <a:ext cx="1658103" cy="2416407"/>
          </a:xfrm>
          <a:custGeom>
            <a:avLst/>
            <a:gdLst>
              <a:gd name="connsiteX0" fmla="*/ 165114 w 1658103"/>
              <a:gd name="connsiteY0" fmla="*/ 0 h 2416407"/>
              <a:gd name="connsiteX1" fmla="*/ 1083068 w 1658103"/>
              <a:gd name="connsiteY1" fmla="*/ 0 h 2416407"/>
              <a:gd name="connsiteX2" fmla="*/ 1492989 w 1658103"/>
              <a:gd name="connsiteY2" fmla="*/ 0 h 2416407"/>
              <a:gd name="connsiteX3" fmla="*/ 1658103 w 1658103"/>
              <a:gd name="connsiteY3" fmla="*/ 0 h 2416407"/>
              <a:gd name="connsiteX4" fmla="*/ 1658103 w 1658103"/>
              <a:gd name="connsiteY4" fmla="*/ 165114 h 2416407"/>
              <a:gd name="connsiteX5" fmla="*/ 1658103 w 1658103"/>
              <a:gd name="connsiteY5" fmla="*/ 584462 h 2416407"/>
              <a:gd name="connsiteX6" fmla="*/ 1658103 w 1658103"/>
              <a:gd name="connsiteY6" fmla="*/ 2251293 h 2416407"/>
              <a:gd name="connsiteX7" fmla="*/ 1492989 w 1658103"/>
              <a:gd name="connsiteY7" fmla="*/ 2416407 h 2416407"/>
              <a:gd name="connsiteX8" fmla="*/ 165114 w 1658103"/>
              <a:gd name="connsiteY8" fmla="*/ 2416407 h 2416407"/>
              <a:gd name="connsiteX9" fmla="*/ 0 w 1658103"/>
              <a:gd name="connsiteY9" fmla="*/ 2251293 h 2416407"/>
              <a:gd name="connsiteX10" fmla="*/ 0 w 1658103"/>
              <a:gd name="connsiteY10" fmla="*/ 165114 h 2416407"/>
              <a:gd name="connsiteX11" fmla="*/ 165114 w 1658103"/>
              <a:gd name="connsiteY11" fmla="*/ 0 h 24164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658103" h="2416407">
                <a:moveTo>
                  <a:pt x="165114" y="0"/>
                </a:moveTo>
                <a:lnTo>
                  <a:pt x="1083068" y="0"/>
                </a:lnTo>
                <a:lnTo>
                  <a:pt x="1492989" y="0"/>
                </a:lnTo>
                <a:lnTo>
                  <a:pt x="1658103" y="0"/>
                </a:lnTo>
                <a:lnTo>
                  <a:pt x="1658103" y="165114"/>
                </a:lnTo>
                <a:lnTo>
                  <a:pt x="1658103" y="584462"/>
                </a:lnTo>
                <a:lnTo>
                  <a:pt x="1658103" y="2251293"/>
                </a:lnTo>
                <a:cubicBezTo>
                  <a:pt x="1658103" y="2342483"/>
                  <a:pt x="1584179" y="2416407"/>
                  <a:pt x="1492989" y="2416407"/>
                </a:cubicBezTo>
                <a:lnTo>
                  <a:pt x="165114" y="2416407"/>
                </a:lnTo>
                <a:cubicBezTo>
                  <a:pt x="73924" y="2416407"/>
                  <a:pt x="0" y="2342483"/>
                  <a:pt x="0" y="2251293"/>
                </a:cubicBezTo>
                <a:lnTo>
                  <a:pt x="0" y="165114"/>
                </a:lnTo>
                <a:cubicBezTo>
                  <a:pt x="0" y="73924"/>
                  <a:pt x="73924" y="0"/>
                  <a:pt x="165114" y="0"/>
                </a:cubicBezTo>
                <a:close/>
              </a:path>
            </a:pathLst>
          </a:custGeom>
          <a:solidFill>
            <a:schemeClr val="accent2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5" name="Freeform: Shape 4">
            <a:extLst>
              <a:ext uri="{FF2B5EF4-FFF2-40B4-BE49-F238E27FC236}">
                <a16:creationId xmlns:a16="http://schemas.microsoft.com/office/drawing/2014/main" id="{EF1BC340-DDA0-9682-C839-750C1667C6D0}"/>
              </a:ext>
            </a:extLst>
          </p:cNvPr>
          <p:cNvSpPr/>
          <p:nvPr userDrawn="1"/>
        </p:nvSpPr>
        <p:spPr>
          <a:xfrm>
            <a:off x="3283720" y="4446237"/>
            <a:ext cx="1260000" cy="2411763"/>
          </a:xfrm>
          <a:custGeom>
            <a:avLst/>
            <a:gdLst>
              <a:gd name="connsiteX0" fmla="*/ 0 w 1260000"/>
              <a:gd name="connsiteY0" fmla="*/ 0 h 2411763"/>
              <a:gd name="connsiteX1" fmla="*/ 1090078 w 1260000"/>
              <a:gd name="connsiteY1" fmla="*/ 0 h 2411763"/>
              <a:gd name="connsiteX2" fmla="*/ 1260000 w 1260000"/>
              <a:gd name="connsiteY2" fmla="*/ 169922 h 2411763"/>
              <a:gd name="connsiteX3" fmla="*/ 1260000 w 1260000"/>
              <a:gd name="connsiteY3" fmla="*/ 1827301 h 2411763"/>
              <a:gd name="connsiteX4" fmla="*/ 1260000 w 1260000"/>
              <a:gd name="connsiteY4" fmla="*/ 2241841 h 2411763"/>
              <a:gd name="connsiteX5" fmla="*/ 1260000 w 1260000"/>
              <a:gd name="connsiteY5" fmla="*/ 2411763 h 2411763"/>
              <a:gd name="connsiteX6" fmla="*/ 1090078 w 1260000"/>
              <a:gd name="connsiteY6" fmla="*/ 2411763 h 2411763"/>
              <a:gd name="connsiteX7" fmla="*/ 684965 w 1260000"/>
              <a:gd name="connsiteY7" fmla="*/ 2411763 h 2411763"/>
              <a:gd name="connsiteX8" fmla="*/ 0 w 1260000"/>
              <a:gd name="connsiteY8" fmla="*/ 2411763 h 24117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60000" h="2411763">
                <a:moveTo>
                  <a:pt x="0" y="0"/>
                </a:moveTo>
                <a:lnTo>
                  <a:pt x="1090078" y="0"/>
                </a:lnTo>
                <a:cubicBezTo>
                  <a:pt x="1183923" y="0"/>
                  <a:pt x="1260000" y="76077"/>
                  <a:pt x="1260000" y="169922"/>
                </a:cubicBezTo>
                <a:lnTo>
                  <a:pt x="1260000" y="1827301"/>
                </a:lnTo>
                <a:lnTo>
                  <a:pt x="1260000" y="2241841"/>
                </a:lnTo>
                <a:lnTo>
                  <a:pt x="1260000" y="2411763"/>
                </a:lnTo>
                <a:lnTo>
                  <a:pt x="1090078" y="2411763"/>
                </a:lnTo>
                <a:lnTo>
                  <a:pt x="684965" y="2411763"/>
                </a:lnTo>
                <a:lnTo>
                  <a:pt x="0" y="2411763"/>
                </a:lnTo>
                <a:close/>
              </a:path>
            </a:pathLst>
          </a:custGeom>
          <a:solidFill>
            <a:srgbClr val="38025C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pic>
        <p:nvPicPr>
          <p:cNvPr id="4" name="Dynamic cover logo lilla" descr="{&quot;templafy&quot;:{&quot;id&quot;:&quot;d91da4fb-296f-469b-9294-8e81cf84b23d&quot;}}">
            <a:extLst>
              <a:ext uri="{FF2B5EF4-FFF2-40B4-BE49-F238E27FC236}">
                <a16:creationId xmlns:a16="http://schemas.microsoft.com/office/drawing/2014/main" id="{7D622F1A-367D-AD61-E2B4-2964D404CDD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916668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et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                                                                    Indsæt graf som et billede fra Excel.                                                                                                                   Grafen kan også laves direkte i PowerPoint:                                                                                                             1. Klik på DI fanen                                                                                                                                                              2. Create Chart                                                                      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1" name="Text Placeholder note">
            <a:extLst>
              <a:ext uri="{FF2B5EF4-FFF2-40B4-BE49-F238E27FC236}">
                <a16:creationId xmlns:a16="http://schemas.microsoft.com/office/drawing/2014/main" id="{245C8F84-4C5D-3EE3-1FB6-087410EF73F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D1B7864D-F85A-51C0-61FA-FDBB825E90A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AAC466B-B9BC-4540-B925-BB3606CC309B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D0A26A80-EB88-4FD8-19D9-C4B3C43469A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:a16="http://schemas.microsoft.com/office/drawing/2014/main" id="{CFD105D1-049D-35DE-D62A-A74AE7535F7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530652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 og indhold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id="{8A008F28-7F58-53FE-932A-36E2076F43A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                                                                    Indsæt graf som et billede fra Excel.                                                                                                                   Grafen kan også laves direkte i PowerPoint:                                                                                                             1. Klik på DI fanen                                                                                                                                                              2. Create Chart                                                                      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7" name="Text Placeholder note">
            <a:extLst>
              <a:ext uri="{FF2B5EF4-FFF2-40B4-BE49-F238E27FC236}">
                <a16:creationId xmlns:a16="http://schemas.microsoft.com/office/drawing/2014/main" id="{2E1CFC2B-19C0-985A-211A-6FE7BAB8460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id="{D1F47E36-8FD2-023F-A3F0-6A8488CB4A07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2836A15-CD3D-4B71-9EF5-AEC44590494E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6" name="Pladsholder til sidefod 5" hidden="1">
            <a:extLst>
              <a:ext uri="{FF2B5EF4-FFF2-40B4-BE49-F238E27FC236}">
                <a16:creationId xmlns:a16="http://schemas.microsoft.com/office/drawing/2014/main" id="{EA570AF3-65DF-4E10-FBF4-D47551A4BDE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8A044976-2ECF-2ADB-C87A-6C44A639C56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01339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id="{8A008F28-7F58-53FE-932A-36E2076F43A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                                                                    Indsæt graf som et billede fra Excel.                                                                                                                   Grafen kan også laves direkte i PowerPoint:                                                                                                             1. Klik på DI fanen                                                                                                                                                              2. Create Chart                                                                      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5" name="Text Placeholder note">
            <a:extLst>
              <a:ext uri="{FF2B5EF4-FFF2-40B4-BE49-F238E27FC236}">
                <a16:creationId xmlns:a16="http://schemas.microsoft.com/office/drawing/2014/main" id="{8792DB1C-0983-A1CA-84AA-58A7B0B1F5F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6" name="Pladsholder til dato 5" hidden="1">
            <a:extLst>
              <a:ext uri="{FF2B5EF4-FFF2-40B4-BE49-F238E27FC236}">
                <a16:creationId xmlns:a16="http://schemas.microsoft.com/office/drawing/2014/main" id="{43A7B38C-AC60-A319-AB2C-55BE66DF4665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6552087-3F32-47F5-8089-EB804B31A433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7" name="Pladsholder til sidefod 6" hidden="1">
            <a:extLst>
              <a:ext uri="{FF2B5EF4-FFF2-40B4-BE49-F238E27FC236}">
                <a16:creationId xmlns:a16="http://schemas.microsoft.com/office/drawing/2014/main" id="{5EB372C1-983D-2636-18BC-447D6080C951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40156EBA-D90E-0D39-97C2-DC28AF35273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9117417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 og indhold i bok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Kombinationstegning: figur 7">
            <a:extLst>
              <a:ext uri="{FF2B5EF4-FFF2-40B4-BE49-F238E27FC236}">
                <a16:creationId xmlns:a16="http://schemas.microsoft.com/office/drawing/2014/main" id="{FCA7672F-42E3-2578-E46F-914C432316A7}"/>
              </a:ext>
            </a:extLst>
          </p:cNvPr>
          <p:cNvSpPr/>
          <p:nvPr userDrawn="1"/>
        </p:nvSpPr>
        <p:spPr bwMode="auto">
          <a:xfrm flipV="1">
            <a:off x="388800" y="1685926"/>
            <a:ext cx="11415600" cy="4264024"/>
          </a:xfrm>
          <a:custGeom>
            <a:avLst/>
            <a:gdLst>
              <a:gd name="connsiteX0" fmla="*/ 532065 w 11415600"/>
              <a:gd name="connsiteY0" fmla="*/ 4264024 h 4264024"/>
              <a:gd name="connsiteX1" fmla="*/ 10883535 w 11415600"/>
              <a:gd name="connsiteY1" fmla="*/ 4264024 h 4264024"/>
              <a:gd name="connsiteX2" fmla="*/ 11415600 w 11415600"/>
              <a:gd name="connsiteY2" fmla="*/ 3731959 h 4264024"/>
              <a:gd name="connsiteX3" fmla="*/ 11415600 w 11415600"/>
              <a:gd name="connsiteY3" fmla="*/ 532065 h 4264024"/>
              <a:gd name="connsiteX4" fmla="*/ 10883535 w 11415600"/>
              <a:gd name="connsiteY4" fmla="*/ 0 h 4264024"/>
              <a:gd name="connsiteX5" fmla="*/ 2958353 w 11415600"/>
              <a:gd name="connsiteY5" fmla="*/ 0 h 4264024"/>
              <a:gd name="connsiteX6" fmla="*/ 532065 w 11415600"/>
              <a:gd name="connsiteY6" fmla="*/ 0 h 4264024"/>
              <a:gd name="connsiteX7" fmla="*/ 0 w 11415600"/>
              <a:gd name="connsiteY7" fmla="*/ 0 h 4264024"/>
              <a:gd name="connsiteX8" fmla="*/ 0 w 11415600"/>
              <a:gd name="connsiteY8" fmla="*/ 532065 h 4264024"/>
              <a:gd name="connsiteX9" fmla="*/ 0 w 11415600"/>
              <a:gd name="connsiteY9" fmla="*/ 1936376 h 4264024"/>
              <a:gd name="connsiteX10" fmla="*/ 0 w 11415600"/>
              <a:gd name="connsiteY10" fmla="*/ 3731959 h 4264024"/>
              <a:gd name="connsiteX11" fmla="*/ 532065 w 11415600"/>
              <a:gd name="connsiteY11" fmla="*/ 4264024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1415600" h="4264024">
                <a:moveTo>
                  <a:pt x="532065" y="4264024"/>
                </a:moveTo>
                <a:lnTo>
                  <a:pt x="10883535" y="4264024"/>
                </a:lnTo>
                <a:cubicBezTo>
                  <a:pt x="11177386" y="4264024"/>
                  <a:pt x="11415600" y="4025810"/>
                  <a:pt x="11415600" y="3731959"/>
                </a:cubicBezTo>
                <a:lnTo>
                  <a:pt x="11415600" y="532065"/>
                </a:lnTo>
                <a:cubicBezTo>
                  <a:pt x="11415600" y="238214"/>
                  <a:pt x="11177386" y="0"/>
                  <a:pt x="10883535" y="0"/>
                </a:cubicBezTo>
                <a:lnTo>
                  <a:pt x="2958353" y="0"/>
                </a:lnTo>
                <a:lnTo>
                  <a:pt x="532065" y="0"/>
                </a:lnTo>
                <a:lnTo>
                  <a:pt x="0" y="0"/>
                </a:lnTo>
                <a:lnTo>
                  <a:pt x="0" y="532065"/>
                </a:lnTo>
                <a:lnTo>
                  <a:pt x="0" y="1936376"/>
                </a:lnTo>
                <a:lnTo>
                  <a:pt x="0" y="3731959"/>
                </a:lnTo>
                <a:cubicBezTo>
                  <a:pt x="0" y="4025810"/>
                  <a:pt x="238214" y="4264024"/>
                  <a:pt x="532065" y="4264024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7999"/>
            <a:ext cx="1089720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1B5E41F0-74B6-2393-700A-01C30B8B255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999" y="1944000"/>
            <a:ext cx="10894713" cy="374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                                                                    Indsæt graf som et billede fra Excel.                                                                                                                   Grafen kan også laves direkte i PowerPoint:                                                                                                             1. Klik på DI fanen                                                                                                                                                              2. Create Chart                                                                      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A72D3724-FB7C-224D-C330-35201EDC5B3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24588" y="5949949"/>
            <a:ext cx="5320612" cy="291600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04785889-1C42-8018-88B4-382E17914982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90600F65-4630-4DB7-A1B9-C084C7A42560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E6C4E954-D637-A7F3-45FB-CDA533E1934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 hidden="1">
            <a:extLst>
              <a:ext uri="{FF2B5EF4-FFF2-40B4-BE49-F238E27FC236}">
                <a16:creationId xmlns:a16="http://schemas.microsoft.com/office/drawing/2014/main" id="{CC26FD0B-9B11-6D68-E9C1-DC541A0BB51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385358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to indhold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6000"/>
          </a:xfrm>
        </p:spPr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317200" cy="39915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27075" y="1944000"/>
            <a:ext cx="5317200" cy="399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endParaRPr lang="da-DK" noProof="0" dirty="0"/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A72D3724-FB7C-224D-C330-35201EDC5B3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24588" y="5949950"/>
            <a:ext cx="5320612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8" name="Pladsholder til dato 7" hidden="1">
            <a:extLst>
              <a:ext uri="{FF2B5EF4-FFF2-40B4-BE49-F238E27FC236}">
                <a16:creationId xmlns:a16="http://schemas.microsoft.com/office/drawing/2014/main" id="{FEE035DC-5E52-49D5-01CA-72F773A5C76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E4603E96-4A59-4D64-B873-DB1F86E9F89F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0" name="Pladsholder til sidefod 9" hidden="1">
            <a:extLst>
              <a:ext uri="{FF2B5EF4-FFF2-40B4-BE49-F238E27FC236}">
                <a16:creationId xmlns:a16="http://schemas.microsoft.com/office/drawing/2014/main" id="{8AEB8CCF-D4B5-0517-FDCE-D272C6EC754B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5DA6C8E0-9B05-AC27-CA18-AA8D28CD4703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476216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to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6000"/>
          </a:xfrm>
        </p:spPr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317200" cy="39915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27075" y="1944000"/>
            <a:ext cx="5317200" cy="399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C96D60FE-CC0D-010F-930B-89889DF1D45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24588" y="5949950"/>
            <a:ext cx="5320612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8" name="Pladsholder til dato 7" hidden="1">
            <a:extLst>
              <a:ext uri="{FF2B5EF4-FFF2-40B4-BE49-F238E27FC236}">
                <a16:creationId xmlns:a16="http://schemas.microsoft.com/office/drawing/2014/main" id="{8E9C1547-4563-166E-5B09-EC0B38B49165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39A1AC5C-6B35-489B-A91E-EF042B89B749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0" name="Pladsholder til sidefod 9" hidden="1">
            <a:extLst>
              <a:ext uri="{FF2B5EF4-FFF2-40B4-BE49-F238E27FC236}">
                <a16:creationId xmlns:a16="http://schemas.microsoft.com/office/drawing/2014/main" id="{8AC89008-D6EE-EFE5-FA31-1DCEEA702014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D991810C-2445-78C1-75AE-248DA7B18AC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 i boks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Kombinationstegning: figur 16">
            <a:extLst>
              <a:ext uri="{FF2B5EF4-FFF2-40B4-BE49-F238E27FC236}">
                <a16:creationId xmlns:a16="http://schemas.microsoft.com/office/drawing/2014/main" id="{A9044547-A8D9-180D-A965-E52CFBC0DB82}"/>
              </a:ext>
            </a:extLst>
          </p:cNvPr>
          <p:cNvSpPr/>
          <p:nvPr userDrawn="1"/>
        </p:nvSpPr>
        <p:spPr bwMode="auto">
          <a:xfrm flipV="1">
            <a:off x="6226176" y="1685926"/>
            <a:ext cx="5316538" cy="4264024"/>
          </a:xfrm>
          <a:custGeom>
            <a:avLst/>
            <a:gdLst>
              <a:gd name="connsiteX0" fmla="*/ 529848 w 5316538"/>
              <a:gd name="connsiteY0" fmla="*/ 4264024 h 4264024"/>
              <a:gd name="connsiteX1" fmla="*/ 4786690 w 5316538"/>
              <a:gd name="connsiteY1" fmla="*/ 4264024 h 4264024"/>
              <a:gd name="connsiteX2" fmla="*/ 5316538 w 5316538"/>
              <a:gd name="connsiteY2" fmla="*/ 3734176 h 4264024"/>
              <a:gd name="connsiteX3" fmla="*/ 5316538 w 5316538"/>
              <a:gd name="connsiteY3" fmla="*/ 529848 h 4264024"/>
              <a:gd name="connsiteX4" fmla="*/ 4786690 w 5316538"/>
              <a:gd name="connsiteY4" fmla="*/ 0 h 4264024"/>
              <a:gd name="connsiteX5" fmla="*/ 1571625 w 5316538"/>
              <a:gd name="connsiteY5" fmla="*/ 0 h 4264024"/>
              <a:gd name="connsiteX6" fmla="*/ 529848 w 5316538"/>
              <a:gd name="connsiteY6" fmla="*/ 0 h 4264024"/>
              <a:gd name="connsiteX7" fmla="*/ 0 w 5316538"/>
              <a:gd name="connsiteY7" fmla="*/ 0 h 4264024"/>
              <a:gd name="connsiteX8" fmla="*/ 0 w 5316538"/>
              <a:gd name="connsiteY8" fmla="*/ 529848 h 4264024"/>
              <a:gd name="connsiteX9" fmla="*/ 0 w 5316538"/>
              <a:gd name="connsiteY9" fmla="*/ 1143000 h 4264024"/>
              <a:gd name="connsiteX10" fmla="*/ 0 w 5316538"/>
              <a:gd name="connsiteY10" fmla="*/ 3734176 h 4264024"/>
              <a:gd name="connsiteX11" fmla="*/ 529848 w 5316538"/>
              <a:gd name="connsiteY11" fmla="*/ 4264024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316538" h="4264024">
                <a:moveTo>
                  <a:pt x="529848" y="4264024"/>
                </a:moveTo>
                <a:lnTo>
                  <a:pt x="4786690" y="4264024"/>
                </a:lnTo>
                <a:cubicBezTo>
                  <a:pt x="5079317" y="4264024"/>
                  <a:pt x="5316538" y="4026803"/>
                  <a:pt x="5316538" y="3734176"/>
                </a:cubicBezTo>
                <a:lnTo>
                  <a:pt x="5316538" y="529848"/>
                </a:lnTo>
                <a:cubicBezTo>
                  <a:pt x="5316538" y="237221"/>
                  <a:pt x="5079317" y="0"/>
                  <a:pt x="4786690" y="0"/>
                </a:cubicBezTo>
                <a:lnTo>
                  <a:pt x="1571625" y="0"/>
                </a:lnTo>
                <a:lnTo>
                  <a:pt x="529848" y="0"/>
                </a:lnTo>
                <a:lnTo>
                  <a:pt x="0" y="0"/>
                </a:lnTo>
                <a:lnTo>
                  <a:pt x="0" y="529848"/>
                </a:lnTo>
                <a:lnTo>
                  <a:pt x="0" y="1143000"/>
                </a:lnTo>
                <a:lnTo>
                  <a:pt x="0" y="3734176"/>
                </a:lnTo>
                <a:cubicBezTo>
                  <a:pt x="0" y="4026803"/>
                  <a:pt x="237221" y="4264024"/>
                  <a:pt x="529848" y="4264024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0" name="Kombinationstegning: figur 19">
            <a:extLst>
              <a:ext uri="{FF2B5EF4-FFF2-40B4-BE49-F238E27FC236}">
                <a16:creationId xmlns:a16="http://schemas.microsoft.com/office/drawing/2014/main" id="{D5E9D3E4-E47D-0971-DD47-F2DC5A405712}"/>
              </a:ext>
            </a:extLst>
          </p:cNvPr>
          <p:cNvSpPr/>
          <p:nvPr userDrawn="1"/>
        </p:nvSpPr>
        <p:spPr bwMode="auto">
          <a:xfrm flipV="1">
            <a:off x="0" y="1685925"/>
            <a:ext cx="5965825" cy="4264024"/>
          </a:xfrm>
          <a:custGeom>
            <a:avLst/>
            <a:gdLst>
              <a:gd name="connsiteX0" fmla="*/ 0 w 5965825"/>
              <a:gd name="connsiteY0" fmla="*/ 4264024 h 4264024"/>
              <a:gd name="connsiteX1" fmla="*/ 537139 w 5965825"/>
              <a:gd name="connsiteY1" fmla="*/ 4264024 h 4264024"/>
              <a:gd name="connsiteX2" fmla="*/ 1571625 w 5965825"/>
              <a:gd name="connsiteY2" fmla="*/ 4264024 h 4264024"/>
              <a:gd name="connsiteX3" fmla="*/ 5428686 w 5965825"/>
              <a:gd name="connsiteY3" fmla="*/ 4264024 h 4264024"/>
              <a:gd name="connsiteX4" fmla="*/ 5965825 w 5965825"/>
              <a:gd name="connsiteY4" fmla="*/ 3726885 h 4264024"/>
              <a:gd name="connsiteX5" fmla="*/ 5965825 w 5965825"/>
              <a:gd name="connsiteY5" fmla="*/ 537139 h 4264024"/>
              <a:gd name="connsiteX6" fmla="*/ 5428686 w 5965825"/>
              <a:gd name="connsiteY6" fmla="*/ 0 h 4264024"/>
              <a:gd name="connsiteX7" fmla="*/ 1571625 w 5965825"/>
              <a:gd name="connsiteY7" fmla="*/ 0 h 4264024"/>
              <a:gd name="connsiteX8" fmla="*/ 537139 w 5965825"/>
              <a:gd name="connsiteY8" fmla="*/ 0 h 4264024"/>
              <a:gd name="connsiteX9" fmla="*/ 0 w 5965825"/>
              <a:gd name="connsiteY9" fmla="*/ 0 h 4264024"/>
              <a:gd name="connsiteX10" fmla="*/ 0 w 5965825"/>
              <a:gd name="connsiteY10" fmla="*/ 537139 h 4264024"/>
              <a:gd name="connsiteX11" fmla="*/ 0 w 5965825"/>
              <a:gd name="connsiteY11" fmla="*/ 1143000 h 4264024"/>
              <a:gd name="connsiteX12" fmla="*/ 0 w 5965825"/>
              <a:gd name="connsiteY12" fmla="*/ 3121024 h 4264024"/>
              <a:gd name="connsiteX13" fmla="*/ 0 w 5965825"/>
              <a:gd name="connsiteY13" fmla="*/ 3726885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965825" h="4264024">
                <a:moveTo>
                  <a:pt x="0" y="4264024"/>
                </a:moveTo>
                <a:lnTo>
                  <a:pt x="537139" y="4264024"/>
                </a:lnTo>
                <a:lnTo>
                  <a:pt x="1571625" y="4264024"/>
                </a:lnTo>
                <a:lnTo>
                  <a:pt x="5428686" y="4264024"/>
                </a:lnTo>
                <a:cubicBezTo>
                  <a:pt x="5725340" y="4264024"/>
                  <a:pt x="5965825" y="4023539"/>
                  <a:pt x="5965825" y="3726885"/>
                </a:cubicBezTo>
                <a:lnTo>
                  <a:pt x="5965825" y="537139"/>
                </a:lnTo>
                <a:cubicBezTo>
                  <a:pt x="5965825" y="240485"/>
                  <a:pt x="5725340" y="0"/>
                  <a:pt x="5428686" y="0"/>
                </a:cubicBezTo>
                <a:lnTo>
                  <a:pt x="1571625" y="0"/>
                </a:lnTo>
                <a:lnTo>
                  <a:pt x="537139" y="0"/>
                </a:lnTo>
                <a:lnTo>
                  <a:pt x="0" y="0"/>
                </a:lnTo>
                <a:lnTo>
                  <a:pt x="0" y="537139"/>
                </a:lnTo>
                <a:lnTo>
                  <a:pt x="0" y="1143000"/>
                </a:lnTo>
                <a:lnTo>
                  <a:pt x="0" y="3121024"/>
                </a:lnTo>
                <a:lnTo>
                  <a:pt x="0" y="3726885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51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059720" cy="374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Indsæt graf som et billede fra Excel.              Grafen kan også laves direkte i PowerPoint:    1. Klik på DI fanen                                                   2. Create Chart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486526" y="1944000"/>
            <a:ext cx="4796518" cy="374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Indsæt graf som et billede fra Excel.              Grafen kan også laves direkte i PowerPoint:    1. Klik på DI fanen                                                   2. Create Chart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A72D3724-FB7C-224D-C330-35201EDC5B3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24588" y="5949949"/>
            <a:ext cx="5320612" cy="291600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8" name="Pladsholder til dato 7" hidden="1">
            <a:extLst>
              <a:ext uri="{FF2B5EF4-FFF2-40B4-BE49-F238E27FC236}">
                <a16:creationId xmlns:a16="http://schemas.microsoft.com/office/drawing/2014/main" id="{2EA650DF-7CD7-C817-0573-0C30E75AD0F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1176805D-954B-49CB-96C9-66920B5A91A3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0" name="Pladsholder til sidefod 9" hidden="1">
            <a:extLst>
              <a:ext uri="{FF2B5EF4-FFF2-40B4-BE49-F238E27FC236}">
                <a16:creationId xmlns:a16="http://schemas.microsoft.com/office/drawing/2014/main" id="{F131996F-390A-E865-6DE1-34B2C89B6DD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4677818A-C460-9AD4-4581-79D827C2FA3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308611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i boks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: figur 20">
            <a:extLst>
              <a:ext uri="{FF2B5EF4-FFF2-40B4-BE49-F238E27FC236}">
                <a16:creationId xmlns:a16="http://schemas.microsoft.com/office/drawing/2014/main" id="{06DC3118-876E-EDE7-62FA-F78BEA29F6F6}"/>
              </a:ext>
            </a:extLst>
          </p:cNvPr>
          <p:cNvSpPr/>
          <p:nvPr userDrawn="1"/>
        </p:nvSpPr>
        <p:spPr bwMode="auto">
          <a:xfrm flipV="1">
            <a:off x="0" y="1685925"/>
            <a:ext cx="7824788" cy="4264024"/>
          </a:xfrm>
          <a:custGeom>
            <a:avLst/>
            <a:gdLst>
              <a:gd name="connsiteX0" fmla="*/ 0 w 7824788"/>
              <a:gd name="connsiteY0" fmla="*/ 4264024 h 4264024"/>
              <a:gd name="connsiteX1" fmla="*/ 533387 w 7824788"/>
              <a:gd name="connsiteY1" fmla="*/ 4264024 h 4264024"/>
              <a:gd name="connsiteX2" fmla="*/ 1276350 w 7824788"/>
              <a:gd name="connsiteY2" fmla="*/ 4264024 h 4264024"/>
              <a:gd name="connsiteX3" fmla="*/ 6548438 w 7824788"/>
              <a:gd name="connsiteY3" fmla="*/ 4264024 h 4264024"/>
              <a:gd name="connsiteX4" fmla="*/ 7291401 w 7824788"/>
              <a:gd name="connsiteY4" fmla="*/ 4264024 h 4264024"/>
              <a:gd name="connsiteX5" fmla="*/ 7824788 w 7824788"/>
              <a:gd name="connsiteY5" fmla="*/ 4264024 h 4264024"/>
              <a:gd name="connsiteX6" fmla="*/ 7824788 w 7824788"/>
              <a:gd name="connsiteY6" fmla="*/ 3730637 h 4264024"/>
              <a:gd name="connsiteX7" fmla="*/ 7824788 w 7824788"/>
              <a:gd name="connsiteY7" fmla="*/ 3092449 h 4264024"/>
              <a:gd name="connsiteX8" fmla="*/ 7824788 w 7824788"/>
              <a:gd name="connsiteY8" fmla="*/ 533387 h 4264024"/>
              <a:gd name="connsiteX9" fmla="*/ 7291401 w 7824788"/>
              <a:gd name="connsiteY9" fmla="*/ 0 h 4264024"/>
              <a:gd name="connsiteX10" fmla="*/ 1276350 w 7824788"/>
              <a:gd name="connsiteY10" fmla="*/ 0 h 4264024"/>
              <a:gd name="connsiteX11" fmla="*/ 533387 w 7824788"/>
              <a:gd name="connsiteY11" fmla="*/ 0 h 4264024"/>
              <a:gd name="connsiteX12" fmla="*/ 0 w 7824788"/>
              <a:gd name="connsiteY12" fmla="*/ 0 h 4264024"/>
              <a:gd name="connsiteX13" fmla="*/ 0 w 7824788"/>
              <a:gd name="connsiteY13" fmla="*/ 533387 h 4264024"/>
              <a:gd name="connsiteX14" fmla="*/ 0 w 7824788"/>
              <a:gd name="connsiteY14" fmla="*/ 1171575 h 4264024"/>
              <a:gd name="connsiteX15" fmla="*/ 0 w 7824788"/>
              <a:gd name="connsiteY15" fmla="*/ 3092449 h 4264024"/>
              <a:gd name="connsiteX16" fmla="*/ 0 w 7824788"/>
              <a:gd name="connsiteY16" fmla="*/ 3730637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7824788" h="4264024">
                <a:moveTo>
                  <a:pt x="0" y="4264024"/>
                </a:moveTo>
                <a:lnTo>
                  <a:pt x="533387" y="4264024"/>
                </a:lnTo>
                <a:lnTo>
                  <a:pt x="1276350" y="4264024"/>
                </a:lnTo>
                <a:lnTo>
                  <a:pt x="6548438" y="4264024"/>
                </a:lnTo>
                <a:lnTo>
                  <a:pt x="7291401" y="4264024"/>
                </a:lnTo>
                <a:lnTo>
                  <a:pt x="7824788" y="4264024"/>
                </a:lnTo>
                <a:lnTo>
                  <a:pt x="7824788" y="3730637"/>
                </a:lnTo>
                <a:lnTo>
                  <a:pt x="7824788" y="3092449"/>
                </a:lnTo>
                <a:lnTo>
                  <a:pt x="7824788" y="533387"/>
                </a:lnTo>
                <a:cubicBezTo>
                  <a:pt x="7824788" y="238805"/>
                  <a:pt x="7585983" y="0"/>
                  <a:pt x="7291401" y="0"/>
                </a:cubicBezTo>
                <a:lnTo>
                  <a:pt x="1276350" y="0"/>
                </a:lnTo>
                <a:lnTo>
                  <a:pt x="533387" y="0"/>
                </a:lnTo>
                <a:lnTo>
                  <a:pt x="0" y="0"/>
                </a:lnTo>
                <a:lnTo>
                  <a:pt x="0" y="533387"/>
                </a:lnTo>
                <a:lnTo>
                  <a:pt x="0" y="1171575"/>
                </a:lnTo>
                <a:lnTo>
                  <a:pt x="0" y="3092449"/>
                </a:lnTo>
                <a:lnTo>
                  <a:pt x="0" y="373063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6000"/>
          </a:xfrm>
        </p:spPr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3100"/>
            <a:ext cx="6904800" cy="374748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Eller indsæt graf som et billede fra Excel.                                         Grafen kan også laves direkte i PowerPoint:                                     1. Klik på DI fanen                                                                                    2. Create Chart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endParaRPr lang="da-DK" noProof="0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236427F-82B2-146C-4693-46DF1073D97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755062" y="1943100"/>
            <a:ext cx="2790137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4" name="Text Placeholder note">
            <a:extLst>
              <a:ext uri="{FF2B5EF4-FFF2-40B4-BE49-F238E27FC236}">
                <a16:creationId xmlns:a16="http://schemas.microsoft.com/office/drawing/2014/main" id="{912BDFD1-0506-A7E1-6591-ECC3CE1F09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755062" y="5949950"/>
            <a:ext cx="2790137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6A3F7858-A8A7-9247-33F1-49D8C46BCF8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112B893-6D0C-4087-92C6-D7F6814302ED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6" name="Pladsholder til sidefod 5" hidden="1">
            <a:extLst>
              <a:ext uri="{FF2B5EF4-FFF2-40B4-BE49-F238E27FC236}">
                <a16:creationId xmlns:a16="http://schemas.microsoft.com/office/drawing/2014/main" id="{8C92AFAF-91DA-4A8C-FBC9-B6A3038C8AE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 hidden="1">
            <a:extLst>
              <a:ext uri="{FF2B5EF4-FFF2-40B4-BE49-F238E27FC236}">
                <a16:creationId xmlns:a16="http://schemas.microsoft.com/office/drawing/2014/main" id="{12A9BC98-45F3-DDE8-4CF2-D08211A80D6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7763006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indhold i bok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Kombinationstegning: figur 18">
            <a:extLst>
              <a:ext uri="{FF2B5EF4-FFF2-40B4-BE49-F238E27FC236}">
                <a16:creationId xmlns:a16="http://schemas.microsoft.com/office/drawing/2014/main" id="{7956A760-0F29-E355-088D-58A1FAEDF759}"/>
              </a:ext>
            </a:extLst>
          </p:cNvPr>
          <p:cNvSpPr/>
          <p:nvPr userDrawn="1"/>
        </p:nvSpPr>
        <p:spPr bwMode="auto">
          <a:xfrm flipV="1">
            <a:off x="4367212" y="1685925"/>
            <a:ext cx="7824788" cy="4264024"/>
          </a:xfrm>
          <a:custGeom>
            <a:avLst/>
            <a:gdLst>
              <a:gd name="connsiteX0" fmla="*/ 0 w 7824788"/>
              <a:gd name="connsiteY0" fmla="*/ 4264024 h 4264024"/>
              <a:gd name="connsiteX1" fmla="*/ 533387 w 7824788"/>
              <a:gd name="connsiteY1" fmla="*/ 4264024 h 4264024"/>
              <a:gd name="connsiteX2" fmla="*/ 1276350 w 7824788"/>
              <a:gd name="connsiteY2" fmla="*/ 4264024 h 4264024"/>
              <a:gd name="connsiteX3" fmla="*/ 6548438 w 7824788"/>
              <a:gd name="connsiteY3" fmla="*/ 4264024 h 4264024"/>
              <a:gd name="connsiteX4" fmla="*/ 7291401 w 7824788"/>
              <a:gd name="connsiteY4" fmla="*/ 4264024 h 4264024"/>
              <a:gd name="connsiteX5" fmla="*/ 7824788 w 7824788"/>
              <a:gd name="connsiteY5" fmla="*/ 4264024 h 4264024"/>
              <a:gd name="connsiteX6" fmla="*/ 7824788 w 7824788"/>
              <a:gd name="connsiteY6" fmla="*/ 3730637 h 4264024"/>
              <a:gd name="connsiteX7" fmla="*/ 7824788 w 7824788"/>
              <a:gd name="connsiteY7" fmla="*/ 3092449 h 4264024"/>
              <a:gd name="connsiteX8" fmla="*/ 7824788 w 7824788"/>
              <a:gd name="connsiteY8" fmla="*/ 1171575 h 4264024"/>
              <a:gd name="connsiteX9" fmla="*/ 7824788 w 7824788"/>
              <a:gd name="connsiteY9" fmla="*/ 533387 h 4264024"/>
              <a:gd name="connsiteX10" fmla="*/ 7824788 w 7824788"/>
              <a:gd name="connsiteY10" fmla="*/ 0 h 4264024"/>
              <a:gd name="connsiteX11" fmla="*/ 7291401 w 7824788"/>
              <a:gd name="connsiteY11" fmla="*/ 0 h 4264024"/>
              <a:gd name="connsiteX12" fmla="*/ 6548438 w 7824788"/>
              <a:gd name="connsiteY12" fmla="*/ 0 h 4264024"/>
              <a:gd name="connsiteX13" fmla="*/ 533387 w 7824788"/>
              <a:gd name="connsiteY13" fmla="*/ 0 h 4264024"/>
              <a:gd name="connsiteX14" fmla="*/ 0 w 7824788"/>
              <a:gd name="connsiteY14" fmla="*/ 533387 h 4264024"/>
              <a:gd name="connsiteX15" fmla="*/ 0 w 7824788"/>
              <a:gd name="connsiteY15" fmla="*/ 3092449 h 4264024"/>
              <a:gd name="connsiteX16" fmla="*/ 0 w 7824788"/>
              <a:gd name="connsiteY16" fmla="*/ 3730637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7824788" h="4264024">
                <a:moveTo>
                  <a:pt x="0" y="4264024"/>
                </a:moveTo>
                <a:lnTo>
                  <a:pt x="533387" y="4264024"/>
                </a:lnTo>
                <a:lnTo>
                  <a:pt x="1276350" y="4264024"/>
                </a:lnTo>
                <a:lnTo>
                  <a:pt x="6548438" y="4264024"/>
                </a:lnTo>
                <a:lnTo>
                  <a:pt x="7291401" y="4264024"/>
                </a:lnTo>
                <a:lnTo>
                  <a:pt x="7824788" y="4264024"/>
                </a:lnTo>
                <a:lnTo>
                  <a:pt x="7824788" y="3730637"/>
                </a:lnTo>
                <a:lnTo>
                  <a:pt x="7824788" y="3092449"/>
                </a:lnTo>
                <a:lnTo>
                  <a:pt x="7824788" y="1171575"/>
                </a:lnTo>
                <a:lnTo>
                  <a:pt x="7824788" y="533387"/>
                </a:lnTo>
                <a:lnTo>
                  <a:pt x="7824788" y="0"/>
                </a:lnTo>
                <a:lnTo>
                  <a:pt x="7291401" y="0"/>
                </a:lnTo>
                <a:lnTo>
                  <a:pt x="6548438" y="0"/>
                </a:lnTo>
                <a:lnTo>
                  <a:pt x="533387" y="0"/>
                </a:lnTo>
                <a:cubicBezTo>
                  <a:pt x="238805" y="0"/>
                  <a:pt x="0" y="238805"/>
                  <a:pt x="0" y="533387"/>
                </a:cubicBezTo>
                <a:lnTo>
                  <a:pt x="0" y="3092449"/>
                </a:lnTo>
                <a:lnTo>
                  <a:pt x="0" y="373063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6000"/>
          </a:xfrm>
        </p:spPr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640400" y="1943100"/>
            <a:ext cx="6904800" cy="374748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Eller indsæt graf som et billede fra Excel.                                         Grafen kan også laves direkte i PowerPoint:                                     1. Klik på DI fanen                                                                                    2. Create Chart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236427F-82B2-146C-4693-46DF1073D97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48000" y="1943100"/>
            <a:ext cx="2790137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4" name="Text Placeholder note">
            <a:extLst>
              <a:ext uri="{FF2B5EF4-FFF2-40B4-BE49-F238E27FC236}">
                <a16:creationId xmlns:a16="http://schemas.microsoft.com/office/drawing/2014/main" id="{912BDFD1-0506-A7E1-6591-ECC3CE1F09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900" y="5949950"/>
            <a:ext cx="62493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7" name="Pladsholder til dato 6" hidden="1">
            <a:extLst>
              <a:ext uri="{FF2B5EF4-FFF2-40B4-BE49-F238E27FC236}">
                <a16:creationId xmlns:a16="http://schemas.microsoft.com/office/drawing/2014/main" id="{5D39DAF0-930E-7136-53A8-BF2EE9B9305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6A15EBCE-FE69-4EA0-A7A7-118D151FD02F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1" name="Pladsholder til sidefod 10" hidden="1">
            <a:extLst>
              <a:ext uri="{FF2B5EF4-FFF2-40B4-BE49-F238E27FC236}">
                <a16:creationId xmlns:a16="http://schemas.microsoft.com/office/drawing/2014/main" id="{889280A1-198A-BBE7-6BBD-9C61B3F85953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lidenummer 11" hidden="1">
            <a:extLst>
              <a:ext uri="{FF2B5EF4-FFF2-40B4-BE49-F238E27FC236}">
                <a16:creationId xmlns:a16="http://schemas.microsoft.com/office/drawing/2014/main" id="{03D613F3-97B4-931E-C498-B6B2AD516B5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395632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, indhold i boks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33100"/>
          </a:xfrm>
        </p:spPr>
        <p:txBody>
          <a:bodyPr/>
          <a:lstStyle/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5" name="Subtitle 2">
            <a:extLst>
              <a:ext uri="{FF2B5EF4-FFF2-40B4-BE49-F238E27FC236}">
                <a16:creationId xmlns:a16="http://schemas.microsoft.com/office/drawing/2014/main" id="{FC6ABE0D-AB92-E8EA-A825-D3A943832CB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6" name="Rectangle: Single Corner Rounded 15">
            <a:extLst>
              <a:ext uri="{FF2B5EF4-FFF2-40B4-BE49-F238E27FC236}">
                <a16:creationId xmlns:a16="http://schemas.microsoft.com/office/drawing/2014/main" id="{321C1839-DBD2-C44C-8687-A005F3C09AEB}"/>
              </a:ext>
            </a:extLst>
          </p:cNvPr>
          <p:cNvSpPr/>
          <p:nvPr userDrawn="1"/>
        </p:nvSpPr>
        <p:spPr bwMode="auto">
          <a:xfrm flipV="1">
            <a:off x="0" y="1685925"/>
            <a:ext cx="7824788" cy="4264024"/>
          </a:xfrm>
          <a:prstGeom prst="round1Rect">
            <a:avLst>
              <a:gd name="adj" fmla="val 13515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E9B1860C-BFCC-1746-5521-A5B82FB19C7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48000" y="1943100"/>
            <a:ext cx="6904800" cy="374748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Eller indsæt graf som et billede fra Excel.                                         Grafen kan også laves direkte i PowerPoint:                                     1. Klik på DI fanen                                                                                    2. Create Chart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C1ACC670-49B7-4552-69C6-82D25273BD6D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8755062" y="1943100"/>
            <a:ext cx="2790137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2" name="Text Placeholder note">
            <a:extLst>
              <a:ext uri="{FF2B5EF4-FFF2-40B4-BE49-F238E27FC236}">
                <a16:creationId xmlns:a16="http://schemas.microsoft.com/office/drawing/2014/main" id="{DCD3A48A-06EB-51FE-2186-11C53C5F750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755062" y="5949950"/>
            <a:ext cx="2790137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id="{CC95E95A-476B-9C14-D999-70F27F0BDE4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7F0647A0-B639-4644-B7A6-E2022BFF6B60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4" name="Pladsholder til sidefod 3" hidden="1">
            <a:extLst>
              <a:ext uri="{FF2B5EF4-FFF2-40B4-BE49-F238E27FC236}">
                <a16:creationId xmlns:a16="http://schemas.microsoft.com/office/drawing/2014/main" id="{6548771E-2E35-0A64-BB60-C5C7B01B8D1B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 hidden="1">
            <a:extLst>
              <a:ext uri="{FF2B5EF4-FFF2-40B4-BE49-F238E27FC236}">
                <a16:creationId xmlns:a16="http://schemas.microsoft.com/office/drawing/2014/main" id="{F1C4F2DF-9876-F898-EC75-3A6FC72010C9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030410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extBox 16">
            <a:extLst>
              <a:ext uri="{FF2B5EF4-FFF2-40B4-BE49-F238E27FC236}">
                <a16:creationId xmlns:a16="http://schemas.microsoft.com/office/drawing/2014/main" id="{7D0A1319-0B5E-A282-88DF-73052973A3E0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44" name="Hvid kasse">
            <a:extLst>
              <a:ext uri="{FF2B5EF4-FFF2-40B4-BE49-F238E27FC236}">
                <a16:creationId xmlns:a16="http://schemas.microsoft.com/office/drawing/2014/main" id="{3CBB74ED-65A9-39F5-79DE-B76C72DC553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ltGray">
          <a:xfrm>
            <a:off x="388800" y="388800"/>
            <a:ext cx="6214528" cy="2664000"/>
          </a:xfrm>
          <a:custGeom>
            <a:avLst/>
            <a:gdLst>
              <a:gd name="connsiteX0" fmla="*/ 262537 w 6214528"/>
              <a:gd name="connsiteY0" fmla="*/ 0 h 2664000"/>
              <a:gd name="connsiteX1" fmla="*/ 5951991 w 6214528"/>
              <a:gd name="connsiteY1" fmla="*/ 0 h 2664000"/>
              <a:gd name="connsiteX2" fmla="*/ 6214528 w 6214528"/>
              <a:gd name="connsiteY2" fmla="*/ 262537 h 2664000"/>
              <a:gd name="connsiteX3" fmla="*/ 6214528 w 6214528"/>
              <a:gd name="connsiteY3" fmla="*/ 1826775 h 2664000"/>
              <a:gd name="connsiteX4" fmla="*/ 6214528 w 6214528"/>
              <a:gd name="connsiteY4" fmla="*/ 2401463 h 2664000"/>
              <a:gd name="connsiteX5" fmla="*/ 6214528 w 6214528"/>
              <a:gd name="connsiteY5" fmla="*/ 2664000 h 2664000"/>
              <a:gd name="connsiteX6" fmla="*/ 5951991 w 6214528"/>
              <a:gd name="connsiteY6" fmla="*/ 2664000 h 2664000"/>
              <a:gd name="connsiteX7" fmla="*/ 5354820 w 6214528"/>
              <a:gd name="connsiteY7" fmla="*/ 2664000 h 2664000"/>
              <a:gd name="connsiteX8" fmla="*/ 262537 w 6214528"/>
              <a:gd name="connsiteY8" fmla="*/ 2664000 h 2664000"/>
              <a:gd name="connsiteX9" fmla="*/ 0 w 6214528"/>
              <a:gd name="connsiteY9" fmla="*/ 2401463 h 2664000"/>
              <a:gd name="connsiteX10" fmla="*/ 0 w 6214528"/>
              <a:gd name="connsiteY10" fmla="*/ 262537 h 2664000"/>
              <a:gd name="connsiteX11" fmla="*/ 262537 w 6214528"/>
              <a:gd name="connsiteY11" fmla="*/ 0 h 266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6214528" h="2664000">
                <a:moveTo>
                  <a:pt x="262537" y="0"/>
                </a:moveTo>
                <a:lnTo>
                  <a:pt x="5951991" y="0"/>
                </a:lnTo>
                <a:cubicBezTo>
                  <a:pt x="6096986" y="0"/>
                  <a:pt x="6214528" y="117542"/>
                  <a:pt x="6214528" y="262537"/>
                </a:cubicBezTo>
                <a:lnTo>
                  <a:pt x="6214528" y="1826775"/>
                </a:lnTo>
                <a:lnTo>
                  <a:pt x="6214528" y="2401463"/>
                </a:lnTo>
                <a:lnTo>
                  <a:pt x="6214528" y="2664000"/>
                </a:lnTo>
                <a:lnTo>
                  <a:pt x="5951991" y="2664000"/>
                </a:lnTo>
                <a:lnTo>
                  <a:pt x="5354820" y="2664000"/>
                </a:lnTo>
                <a:lnTo>
                  <a:pt x="262537" y="2664000"/>
                </a:lnTo>
                <a:cubicBezTo>
                  <a:pt x="117542" y="2664000"/>
                  <a:pt x="0" y="2546458"/>
                  <a:pt x="0" y="2401463"/>
                </a:cubicBezTo>
                <a:lnTo>
                  <a:pt x="0" y="262537"/>
                </a:lnTo>
                <a:cubicBezTo>
                  <a:pt x="0" y="117542"/>
                  <a:pt x="117542" y="0"/>
                  <a:pt x="262537" y="0"/>
                </a:cubicBezTo>
                <a:close/>
              </a:path>
            </a:pathLst>
          </a:custGeom>
          <a:solidFill>
            <a:schemeClr val="accent1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7999"/>
            <a:ext cx="5436163" cy="1908000"/>
          </a:xfrm>
        </p:spPr>
        <p:txBody>
          <a:bodyPr anchor="t" anchorCtr="0"/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re linjer</a:t>
            </a:r>
          </a:p>
        </p:txBody>
      </p:sp>
      <p:sp>
        <p:nvSpPr>
          <p:cNvPr id="14" name="Navne kasse">
            <a:extLst>
              <a:ext uri="{FF2B5EF4-FFF2-40B4-BE49-F238E27FC236}">
                <a16:creationId xmlns:a16="http://schemas.microsoft.com/office/drawing/2014/main" id="{DDBEFA5B-3926-71DD-6A16-85D4E250494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ltGray">
          <a:xfrm>
            <a:off x="388800" y="3181117"/>
            <a:ext cx="3431451" cy="1130401"/>
          </a:xfrm>
          <a:custGeom>
            <a:avLst/>
            <a:gdLst>
              <a:gd name="connsiteX0" fmla="*/ 0 w 3431451"/>
              <a:gd name="connsiteY0" fmla="*/ 0 h 1130401"/>
              <a:gd name="connsiteX1" fmla="*/ 309398 w 3431451"/>
              <a:gd name="connsiteY1" fmla="*/ 0 h 1130401"/>
              <a:gd name="connsiteX2" fmla="*/ 360803 w 3431451"/>
              <a:gd name="connsiteY2" fmla="*/ 0 h 1130401"/>
              <a:gd name="connsiteX3" fmla="*/ 1784429 w 3431451"/>
              <a:gd name="connsiteY3" fmla="*/ 0 h 1130401"/>
              <a:gd name="connsiteX4" fmla="*/ 1984561 w 3431451"/>
              <a:gd name="connsiteY4" fmla="*/ 0 h 1130401"/>
              <a:gd name="connsiteX5" fmla="*/ 2864082 w 3431451"/>
              <a:gd name="connsiteY5" fmla="*/ 0 h 1130401"/>
              <a:gd name="connsiteX6" fmla="*/ 2864082 w 3431451"/>
              <a:gd name="connsiteY6" fmla="*/ 220 h 1130401"/>
              <a:gd name="connsiteX7" fmla="*/ 2866251 w 3431451"/>
              <a:gd name="connsiteY7" fmla="*/ 1 h 1130401"/>
              <a:gd name="connsiteX8" fmla="*/ 3431451 w 3431451"/>
              <a:gd name="connsiteY8" fmla="*/ 565201 h 1130401"/>
              <a:gd name="connsiteX9" fmla="*/ 2866251 w 3431451"/>
              <a:gd name="connsiteY9" fmla="*/ 1130401 h 1130401"/>
              <a:gd name="connsiteX10" fmla="*/ 2864082 w 3431451"/>
              <a:gd name="connsiteY10" fmla="*/ 1130183 h 1130401"/>
              <a:gd name="connsiteX11" fmla="*/ 2864082 w 3431451"/>
              <a:gd name="connsiteY11" fmla="*/ 1130400 h 1130401"/>
              <a:gd name="connsiteX12" fmla="*/ 1784429 w 3431451"/>
              <a:gd name="connsiteY12" fmla="*/ 1130400 h 1130401"/>
              <a:gd name="connsiteX13" fmla="*/ 1784429 w 3431451"/>
              <a:gd name="connsiteY13" fmla="*/ 1129231 h 1130401"/>
              <a:gd name="connsiteX14" fmla="*/ 309398 w 3431451"/>
              <a:gd name="connsiteY14" fmla="*/ 1129231 h 1130401"/>
              <a:gd name="connsiteX15" fmla="*/ 0 w 3431451"/>
              <a:gd name="connsiteY15" fmla="*/ 819833 h 1130401"/>
              <a:gd name="connsiteX16" fmla="*/ 0 w 3431451"/>
              <a:gd name="connsiteY16" fmla="*/ 360803 h 1130401"/>
              <a:gd name="connsiteX17" fmla="*/ 0 w 3431451"/>
              <a:gd name="connsiteY17" fmla="*/ 309398 h 11304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431451" h="1130401">
                <a:moveTo>
                  <a:pt x="0" y="0"/>
                </a:moveTo>
                <a:lnTo>
                  <a:pt x="309398" y="0"/>
                </a:lnTo>
                <a:lnTo>
                  <a:pt x="360803" y="0"/>
                </a:lnTo>
                <a:lnTo>
                  <a:pt x="1784429" y="0"/>
                </a:lnTo>
                <a:lnTo>
                  <a:pt x="1984561" y="0"/>
                </a:lnTo>
                <a:lnTo>
                  <a:pt x="2864082" y="0"/>
                </a:lnTo>
                <a:lnTo>
                  <a:pt x="2864082" y="220"/>
                </a:lnTo>
                <a:lnTo>
                  <a:pt x="2866251" y="1"/>
                </a:lnTo>
                <a:cubicBezTo>
                  <a:pt x="3178402" y="1"/>
                  <a:pt x="3431451" y="253050"/>
                  <a:pt x="3431451" y="565201"/>
                </a:cubicBezTo>
                <a:cubicBezTo>
                  <a:pt x="3431451" y="877352"/>
                  <a:pt x="3178402" y="1130401"/>
                  <a:pt x="2866251" y="1130401"/>
                </a:cubicBezTo>
                <a:lnTo>
                  <a:pt x="2864082" y="1130183"/>
                </a:lnTo>
                <a:lnTo>
                  <a:pt x="2864082" y="1130400"/>
                </a:lnTo>
                <a:lnTo>
                  <a:pt x="1784429" y="1130400"/>
                </a:lnTo>
                <a:lnTo>
                  <a:pt x="1784429" y="1129231"/>
                </a:lnTo>
                <a:lnTo>
                  <a:pt x="309398" y="1129231"/>
                </a:lnTo>
                <a:cubicBezTo>
                  <a:pt x="138522" y="1129231"/>
                  <a:pt x="0" y="990709"/>
                  <a:pt x="0" y="819833"/>
                </a:cubicBezTo>
                <a:lnTo>
                  <a:pt x="0" y="360803"/>
                </a:lnTo>
                <a:lnTo>
                  <a:pt x="0" y="309398"/>
                </a:lnTo>
                <a:close/>
              </a:path>
            </a:pathLst>
          </a:custGeom>
          <a:solidFill>
            <a:schemeClr val="accent2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5" name="Pladsholder til tekst navn">
            <a:extLst>
              <a:ext uri="{FF2B5EF4-FFF2-40B4-BE49-F238E27FC236}">
                <a16:creationId xmlns:a16="http://schemas.microsoft.com/office/drawing/2014/main" id="{FFA186A6-CFBA-E3D8-4BAA-76661E92AD5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3292346"/>
            <a:ext cx="278640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rgbClr val="38025C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fornavn</a:t>
            </a:r>
          </a:p>
        </p:txBody>
      </p:sp>
      <p:sp>
        <p:nvSpPr>
          <p:cNvPr id="16" name="Pladsholder til tekst efternavn">
            <a:extLst>
              <a:ext uri="{FF2B5EF4-FFF2-40B4-BE49-F238E27FC236}">
                <a16:creationId xmlns:a16="http://schemas.microsoft.com/office/drawing/2014/main" id="{0639540E-3E75-4573-9921-2D9E77D18B2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000" y="3578598"/>
            <a:ext cx="278735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rgbClr val="38025C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efternavn</a:t>
            </a:r>
          </a:p>
        </p:txBody>
      </p:sp>
      <p:sp>
        <p:nvSpPr>
          <p:cNvPr id="17" name="Date Placeholder 6">
            <a:extLst>
              <a:ext uri="{FF2B5EF4-FFF2-40B4-BE49-F238E27FC236}">
                <a16:creationId xmlns:a16="http://schemas.microsoft.com/office/drawing/2014/main" id="{507A64B3-127A-DB52-8A39-1BCC311F3DE9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648000" y="3872772"/>
            <a:ext cx="2786400" cy="324000"/>
          </a:xfrm>
          <a:prstGeom prst="rect">
            <a:avLst/>
          </a:prstGeom>
        </p:spPr>
        <p:txBody>
          <a:bodyPr anchor="t" anchorCtr="0"/>
          <a:lstStyle>
            <a:lvl1pPr algn="l">
              <a:defRPr sz="2000">
                <a:solidFill>
                  <a:srgbClr val="38025C"/>
                </a:solidFill>
              </a:defRPr>
            </a:lvl1pPr>
          </a:lstStyle>
          <a:p>
            <a:fld id="{27E5D938-A7D3-45B9-BEB6-D9B4DFC7DEDE}" type="datetime2">
              <a:rPr lang="da-DK" smtClean="0"/>
              <a:pPr/>
              <a:t>23. september 2025</a:t>
            </a:fld>
            <a:endParaRPr lang="da-DK" dirty="0"/>
          </a:p>
        </p:txBody>
      </p:sp>
      <p:pic>
        <p:nvPicPr>
          <p:cNvPr id="4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3F7EE026-E724-F3F1-22FA-5AB4C86248D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48596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sldNum="0"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, indhold og indhold i bok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Kombinationstegning: figur 18">
            <a:extLst>
              <a:ext uri="{FF2B5EF4-FFF2-40B4-BE49-F238E27FC236}">
                <a16:creationId xmlns:a16="http://schemas.microsoft.com/office/drawing/2014/main" id="{7956A760-0F29-E355-088D-58A1FAEDF759}"/>
              </a:ext>
            </a:extLst>
          </p:cNvPr>
          <p:cNvSpPr/>
          <p:nvPr userDrawn="1"/>
        </p:nvSpPr>
        <p:spPr bwMode="auto">
          <a:xfrm flipV="1">
            <a:off x="4367212" y="1685925"/>
            <a:ext cx="7824788" cy="4264024"/>
          </a:xfrm>
          <a:custGeom>
            <a:avLst/>
            <a:gdLst>
              <a:gd name="connsiteX0" fmla="*/ 0 w 7824788"/>
              <a:gd name="connsiteY0" fmla="*/ 4264024 h 4264024"/>
              <a:gd name="connsiteX1" fmla="*/ 533387 w 7824788"/>
              <a:gd name="connsiteY1" fmla="*/ 4264024 h 4264024"/>
              <a:gd name="connsiteX2" fmla="*/ 1276350 w 7824788"/>
              <a:gd name="connsiteY2" fmla="*/ 4264024 h 4264024"/>
              <a:gd name="connsiteX3" fmla="*/ 6548438 w 7824788"/>
              <a:gd name="connsiteY3" fmla="*/ 4264024 h 4264024"/>
              <a:gd name="connsiteX4" fmla="*/ 7291401 w 7824788"/>
              <a:gd name="connsiteY4" fmla="*/ 4264024 h 4264024"/>
              <a:gd name="connsiteX5" fmla="*/ 7824788 w 7824788"/>
              <a:gd name="connsiteY5" fmla="*/ 4264024 h 4264024"/>
              <a:gd name="connsiteX6" fmla="*/ 7824788 w 7824788"/>
              <a:gd name="connsiteY6" fmla="*/ 3730637 h 4264024"/>
              <a:gd name="connsiteX7" fmla="*/ 7824788 w 7824788"/>
              <a:gd name="connsiteY7" fmla="*/ 3092449 h 4264024"/>
              <a:gd name="connsiteX8" fmla="*/ 7824788 w 7824788"/>
              <a:gd name="connsiteY8" fmla="*/ 1171575 h 4264024"/>
              <a:gd name="connsiteX9" fmla="*/ 7824788 w 7824788"/>
              <a:gd name="connsiteY9" fmla="*/ 533387 h 4264024"/>
              <a:gd name="connsiteX10" fmla="*/ 7824788 w 7824788"/>
              <a:gd name="connsiteY10" fmla="*/ 0 h 4264024"/>
              <a:gd name="connsiteX11" fmla="*/ 7291401 w 7824788"/>
              <a:gd name="connsiteY11" fmla="*/ 0 h 4264024"/>
              <a:gd name="connsiteX12" fmla="*/ 6548438 w 7824788"/>
              <a:gd name="connsiteY12" fmla="*/ 0 h 4264024"/>
              <a:gd name="connsiteX13" fmla="*/ 533387 w 7824788"/>
              <a:gd name="connsiteY13" fmla="*/ 0 h 4264024"/>
              <a:gd name="connsiteX14" fmla="*/ 0 w 7824788"/>
              <a:gd name="connsiteY14" fmla="*/ 533387 h 4264024"/>
              <a:gd name="connsiteX15" fmla="*/ 0 w 7824788"/>
              <a:gd name="connsiteY15" fmla="*/ 3092449 h 4264024"/>
              <a:gd name="connsiteX16" fmla="*/ 0 w 7824788"/>
              <a:gd name="connsiteY16" fmla="*/ 3730637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7824788" h="4264024">
                <a:moveTo>
                  <a:pt x="0" y="4264024"/>
                </a:moveTo>
                <a:lnTo>
                  <a:pt x="533387" y="4264024"/>
                </a:lnTo>
                <a:lnTo>
                  <a:pt x="1276350" y="4264024"/>
                </a:lnTo>
                <a:lnTo>
                  <a:pt x="6548438" y="4264024"/>
                </a:lnTo>
                <a:lnTo>
                  <a:pt x="7291401" y="4264024"/>
                </a:lnTo>
                <a:lnTo>
                  <a:pt x="7824788" y="4264024"/>
                </a:lnTo>
                <a:lnTo>
                  <a:pt x="7824788" y="3730637"/>
                </a:lnTo>
                <a:lnTo>
                  <a:pt x="7824788" y="3092449"/>
                </a:lnTo>
                <a:lnTo>
                  <a:pt x="7824788" y="1171575"/>
                </a:lnTo>
                <a:lnTo>
                  <a:pt x="7824788" y="533387"/>
                </a:lnTo>
                <a:lnTo>
                  <a:pt x="7824788" y="0"/>
                </a:lnTo>
                <a:lnTo>
                  <a:pt x="7291401" y="0"/>
                </a:lnTo>
                <a:lnTo>
                  <a:pt x="6548438" y="0"/>
                </a:lnTo>
                <a:lnTo>
                  <a:pt x="533387" y="0"/>
                </a:lnTo>
                <a:cubicBezTo>
                  <a:pt x="238805" y="0"/>
                  <a:pt x="0" y="238805"/>
                  <a:pt x="0" y="533387"/>
                </a:cubicBezTo>
                <a:lnTo>
                  <a:pt x="0" y="3092449"/>
                </a:lnTo>
                <a:lnTo>
                  <a:pt x="0" y="373063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129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AA9CC7F3-A167-27AF-EA67-E46CB6F5832F}"/>
              </a:ext>
            </a:extLst>
          </p:cNvPr>
          <p:cNvSpPr>
            <a:spLocks noGrp="1"/>
          </p:cNvSpPr>
          <p:nvPr>
            <p:ph type="subTitle" idx="18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640400" y="1943100"/>
            <a:ext cx="6904800" cy="374748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                     Eller indsæt graf som et billede fra Excel.                                         Grafen kan også laves direkte i PowerPoint:                                     1. Klik på DI fanen                                                                                    2. Create Chart                                  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236427F-82B2-146C-4693-46DF1073D97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48000" y="1943100"/>
            <a:ext cx="2790137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4" name="Text Placeholder note">
            <a:extLst>
              <a:ext uri="{FF2B5EF4-FFF2-40B4-BE49-F238E27FC236}">
                <a16:creationId xmlns:a16="http://schemas.microsoft.com/office/drawing/2014/main" id="{912BDFD1-0506-A7E1-6591-ECC3CE1F09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25269864-9DC1-9A97-CB37-44AB255F33C5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21684E64-783B-4067-B225-396786B56D0D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6" name="Pladsholder til sidefod 5" hidden="1">
            <a:extLst>
              <a:ext uri="{FF2B5EF4-FFF2-40B4-BE49-F238E27FC236}">
                <a16:creationId xmlns:a16="http://schemas.microsoft.com/office/drawing/2014/main" id="{5FE15E82-906C-2363-0821-844E542975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 hidden="1">
            <a:extLst>
              <a:ext uri="{FF2B5EF4-FFF2-40B4-BE49-F238E27FC236}">
                <a16:creationId xmlns:a16="http://schemas.microsoft.com/office/drawing/2014/main" id="{E045214C-F52E-C5ED-514E-4BCA1589BEDF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02984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dertitel og to indhold i bok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: Single Corner Rounded 15">
            <a:extLst>
              <a:ext uri="{FF2B5EF4-FFF2-40B4-BE49-F238E27FC236}">
                <a16:creationId xmlns:a16="http://schemas.microsoft.com/office/drawing/2014/main" id="{7235954B-8849-8E63-0A81-519032526B3F}"/>
              </a:ext>
            </a:extLst>
          </p:cNvPr>
          <p:cNvSpPr/>
          <p:nvPr userDrawn="1"/>
        </p:nvSpPr>
        <p:spPr>
          <a:xfrm flipV="1">
            <a:off x="0" y="1943999"/>
            <a:ext cx="5965825" cy="400595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8" name="Kombinationstegning: figur 7">
            <a:extLst>
              <a:ext uri="{FF2B5EF4-FFF2-40B4-BE49-F238E27FC236}">
                <a16:creationId xmlns:a16="http://schemas.microsoft.com/office/drawing/2014/main" id="{27BFBB39-F32F-ADCB-84E2-1282B909A974}"/>
              </a:ext>
            </a:extLst>
          </p:cNvPr>
          <p:cNvSpPr/>
          <p:nvPr userDrawn="1"/>
        </p:nvSpPr>
        <p:spPr bwMode="auto">
          <a:xfrm flipV="1">
            <a:off x="6226176" y="1685926"/>
            <a:ext cx="5316538" cy="4264024"/>
          </a:xfrm>
          <a:custGeom>
            <a:avLst/>
            <a:gdLst>
              <a:gd name="connsiteX0" fmla="*/ 529848 w 5316538"/>
              <a:gd name="connsiteY0" fmla="*/ 4264024 h 4264024"/>
              <a:gd name="connsiteX1" fmla="*/ 4786690 w 5316538"/>
              <a:gd name="connsiteY1" fmla="*/ 4264024 h 4264024"/>
              <a:gd name="connsiteX2" fmla="*/ 5316538 w 5316538"/>
              <a:gd name="connsiteY2" fmla="*/ 3734176 h 4264024"/>
              <a:gd name="connsiteX3" fmla="*/ 5316538 w 5316538"/>
              <a:gd name="connsiteY3" fmla="*/ 529848 h 4264024"/>
              <a:gd name="connsiteX4" fmla="*/ 4786690 w 5316538"/>
              <a:gd name="connsiteY4" fmla="*/ 0 h 4264024"/>
              <a:gd name="connsiteX5" fmla="*/ 1571625 w 5316538"/>
              <a:gd name="connsiteY5" fmla="*/ 0 h 4264024"/>
              <a:gd name="connsiteX6" fmla="*/ 529848 w 5316538"/>
              <a:gd name="connsiteY6" fmla="*/ 0 h 4264024"/>
              <a:gd name="connsiteX7" fmla="*/ 0 w 5316538"/>
              <a:gd name="connsiteY7" fmla="*/ 0 h 4264024"/>
              <a:gd name="connsiteX8" fmla="*/ 0 w 5316538"/>
              <a:gd name="connsiteY8" fmla="*/ 529848 h 4264024"/>
              <a:gd name="connsiteX9" fmla="*/ 0 w 5316538"/>
              <a:gd name="connsiteY9" fmla="*/ 1143000 h 4264024"/>
              <a:gd name="connsiteX10" fmla="*/ 0 w 5316538"/>
              <a:gd name="connsiteY10" fmla="*/ 3734176 h 4264024"/>
              <a:gd name="connsiteX11" fmla="*/ 529848 w 5316538"/>
              <a:gd name="connsiteY11" fmla="*/ 4264024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316538" h="4264024">
                <a:moveTo>
                  <a:pt x="529848" y="4264024"/>
                </a:moveTo>
                <a:lnTo>
                  <a:pt x="4786690" y="4264024"/>
                </a:lnTo>
                <a:cubicBezTo>
                  <a:pt x="5079317" y="4264024"/>
                  <a:pt x="5316538" y="4026803"/>
                  <a:pt x="5316538" y="3734176"/>
                </a:cubicBezTo>
                <a:lnTo>
                  <a:pt x="5316538" y="529848"/>
                </a:lnTo>
                <a:cubicBezTo>
                  <a:pt x="5316538" y="237221"/>
                  <a:pt x="5079317" y="0"/>
                  <a:pt x="4786690" y="0"/>
                </a:cubicBezTo>
                <a:lnTo>
                  <a:pt x="1571625" y="0"/>
                </a:lnTo>
                <a:lnTo>
                  <a:pt x="529848" y="0"/>
                </a:lnTo>
                <a:lnTo>
                  <a:pt x="0" y="0"/>
                </a:lnTo>
                <a:lnTo>
                  <a:pt x="0" y="529848"/>
                </a:lnTo>
                <a:lnTo>
                  <a:pt x="0" y="1143000"/>
                </a:lnTo>
                <a:lnTo>
                  <a:pt x="0" y="3734176"/>
                </a:lnTo>
                <a:cubicBezTo>
                  <a:pt x="0" y="4026803"/>
                  <a:pt x="237221" y="4264024"/>
                  <a:pt x="529848" y="4264024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9" name="Kombinationstegning: figur 8">
            <a:extLst>
              <a:ext uri="{FF2B5EF4-FFF2-40B4-BE49-F238E27FC236}">
                <a16:creationId xmlns:a16="http://schemas.microsoft.com/office/drawing/2014/main" id="{373C8EEB-9FB4-DB58-D299-02E2DFEF0E8C}"/>
              </a:ext>
            </a:extLst>
          </p:cNvPr>
          <p:cNvSpPr/>
          <p:nvPr userDrawn="1"/>
        </p:nvSpPr>
        <p:spPr bwMode="auto">
          <a:xfrm flipV="1">
            <a:off x="0" y="1685925"/>
            <a:ext cx="5965825" cy="4264024"/>
          </a:xfrm>
          <a:custGeom>
            <a:avLst/>
            <a:gdLst>
              <a:gd name="connsiteX0" fmla="*/ 0 w 5965825"/>
              <a:gd name="connsiteY0" fmla="*/ 4264024 h 4264024"/>
              <a:gd name="connsiteX1" fmla="*/ 537139 w 5965825"/>
              <a:gd name="connsiteY1" fmla="*/ 4264024 h 4264024"/>
              <a:gd name="connsiteX2" fmla="*/ 1571625 w 5965825"/>
              <a:gd name="connsiteY2" fmla="*/ 4264024 h 4264024"/>
              <a:gd name="connsiteX3" fmla="*/ 5428686 w 5965825"/>
              <a:gd name="connsiteY3" fmla="*/ 4264024 h 4264024"/>
              <a:gd name="connsiteX4" fmla="*/ 5965825 w 5965825"/>
              <a:gd name="connsiteY4" fmla="*/ 3726885 h 4264024"/>
              <a:gd name="connsiteX5" fmla="*/ 5965825 w 5965825"/>
              <a:gd name="connsiteY5" fmla="*/ 537139 h 4264024"/>
              <a:gd name="connsiteX6" fmla="*/ 5428686 w 5965825"/>
              <a:gd name="connsiteY6" fmla="*/ 0 h 4264024"/>
              <a:gd name="connsiteX7" fmla="*/ 1571625 w 5965825"/>
              <a:gd name="connsiteY7" fmla="*/ 0 h 4264024"/>
              <a:gd name="connsiteX8" fmla="*/ 537139 w 5965825"/>
              <a:gd name="connsiteY8" fmla="*/ 0 h 4264024"/>
              <a:gd name="connsiteX9" fmla="*/ 0 w 5965825"/>
              <a:gd name="connsiteY9" fmla="*/ 0 h 4264024"/>
              <a:gd name="connsiteX10" fmla="*/ 0 w 5965825"/>
              <a:gd name="connsiteY10" fmla="*/ 537139 h 4264024"/>
              <a:gd name="connsiteX11" fmla="*/ 0 w 5965825"/>
              <a:gd name="connsiteY11" fmla="*/ 1143000 h 4264024"/>
              <a:gd name="connsiteX12" fmla="*/ 0 w 5965825"/>
              <a:gd name="connsiteY12" fmla="*/ 3121024 h 4264024"/>
              <a:gd name="connsiteX13" fmla="*/ 0 w 5965825"/>
              <a:gd name="connsiteY13" fmla="*/ 3726885 h 4264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965825" h="4264024">
                <a:moveTo>
                  <a:pt x="0" y="4264024"/>
                </a:moveTo>
                <a:lnTo>
                  <a:pt x="537139" y="4264024"/>
                </a:lnTo>
                <a:lnTo>
                  <a:pt x="1571625" y="4264024"/>
                </a:lnTo>
                <a:lnTo>
                  <a:pt x="5428686" y="4264024"/>
                </a:lnTo>
                <a:cubicBezTo>
                  <a:pt x="5725340" y="4264024"/>
                  <a:pt x="5965825" y="4023539"/>
                  <a:pt x="5965825" y="3726885"/>
                </a:cubicBezTo>
                <a:lnTo>
                  <a:pt x="5965825" y="537139"/>
                </a:lnTo>
                <a:cubicBezTo>
                  <a:pt x="5965825" y="240485"/>
                  <a:pt x="5725340" y="0"/>
                  <a:pt x="5428686" y="0"/>
                </a:cubicBezTo>
                <a:lnTo>
                  <a:pt x="1571625" y="0"/>
                </a:lnTo>
                <a:lnTo>
                  <a:pt x="537139" y="0"/>
                </a:lnTo>
                <a:lnTo>
                  <a:pt x="0" y="0"/>
                </a:lnTo>
                <a:lnTo>
                  <a:pt x="0" y="537139"/>
                </a:lnTo>
                <a:lnTo>
                  <a:pt x="0" y="1143000"/>
                </a:lnTo>
                <a:lnTo>
                  <a:pt x="0" y="3121024"/>
                </a:lnTo>
                <a:lnTo>
                  <a:pt x="0" y="3726885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33100"/>
          </a:xfrm>
        </p:spPr>
        <p:txBody>
          <a:bodyPr/>
          <a:lstStyle/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5" name="Subtitle 2">
            <a:extLst>
              <a:ext uri="{FF2B5EF4-FFF2-40B4-BE49-F238E27FC236}">
                <a16:creationId xmlns:a16="http://schemas.microsoft.com/office/drawing/2014/main" id="{FC6ABE0D-AB92-E8EA-A825-D3A943832CB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998" y="1944000"/>
            <a:ext cx="5061600" cy="336232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Eller indsæt graf som et billede fra Excel. Grafen kan også laves direkte i PowerPoint:    1. Klik på DI fanen                                                   2. Create Chart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29" name="Content Placeholder 2">
            <a:extLst>
              <a:ext uri="{FF2B5EF4-FFF2-40B4-BE49-F238E27FC236}">
                <a16:creationId xmlns:a16="http://schemas.microsoft.com/office/drawing/2014/main" id="{51ACAAA7-0466-2321-F95F-97DBA7C58A5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487200" y="1944000"/>
            <a:ext cx="4795200" cy="336232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Eller indsæt graf som et billede fra Excel. Grafen kan også laves direkte i PowerPoint:    1. Klik på DI fanen                                                   2. Create Chart                                                         3. Vælg efterfølgende Chart Colo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33" name="Text Placeholder note">
            <a:extLst>
              <a:ext uri="{FF2B5EF4-FFF2-40B4-BE49-F238E27FC236}">
                <a16:creationId xmlns:a16="http://schemas.microsoft.com/office/drawing/2014/main" id="{8C8CC7A7-A66D-1EE2-7234-8ED16715918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87200" y="5431476"/>
            <a:ext cx="47952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34" name="Text Placeholder note">
            <a:extLst>
              <a:ext uri="{FF2B5EF4-FFF2-40B4-BE49-F238E27FC236}">
                <a16:creationId xmlns:a16="http://schemas.microsoft.com/office/drawing/2014/main" id="{1E1099D8-5E8B-6339-3913-E119E65708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5431476"/>
            <a:ext cx="5061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6" name="Pladsholder til dato 5" hidden="1">
            <a:extLst>
              <a:ext uri="{FF2B5EF4-FFF2-40B4-BE49-F238E27FC236}">
                <a16:creationId xmlns:a16="http://schemas.microsoft.com/office/drawing/2014/main" id="{F9832486-0750-ED6B-7D23-7F2DCDCC4E4A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5EDD3936-4D5A-4791-A55B-9B75553730C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7" name="Pladsholder til sidefod 6" hidden="1">
            <a:extLst>
              <a:ext uri="{FF2B5EF4-FFF2-40B4-BE49-F238E27FC236}">
                <a16:creationId xmlns:a16="http://schemas.microsoft.com/office/drawing/2014/main" id="{019C52ED-2B7A-2FC8-C23F-14E5F0AC531D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 hidden="1">
            <a:extLst>
              <a:ext uri="{FF2B5EF4-FFF2-40B4-BE49-F238E27FC236}">
                <a16:creationId xmlns:a16="http://schemas.microsoft.com/office/drawing/2014/main" id="{37E232F7-FD9B-7EB7-684A-0990909DB543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084718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08E7F3D-6988-472F-B578-FE0BAAE4B34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BAF314EE-D22D-4B68-88BC-1C864E6C9CA0}" type="datetime2">
              <a:rPr lang="da-DK" smtClean="0"/>
              <a:pPr/>
              <a:t>23. september 2025</a:t>
            </a:fld>
            <a:endParaRPr lang="da-DK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F791A6B-7868-4737-804A-79CD9B5E356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 hidden="1">
            <a:extLst>
              <a:ext uri="{FF2B5EF4-FFF2-40B4-BE49-F238E27FC236}">
                <a16:creationId xmlns:a16="http://schemas.microsoft.com/office/drawing/2014/main" id="{86E53573-69CA-45BB-8807-CD39F9E1E65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5" name="billedepladsholder">
            <a:extLst>
              <a:ext uri="{FF2B5EF4-FFF2-40B4-BE49-F238E27FC236}">
                <a16:creationId xmlns:a16="http://schemas.microsoft.com/office/drawing/2014/main" id="{7CA19038-2793-B869-1B2D-AF849E91B08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24588" y="0"/>
            <a:ext cx="5967412" cy="6858000"/>
          </a:xfrm>
          <a:custGeom>
            <a:avLst/>
            <a:gdLst>
              <a:gd name="connsiteX0" fmla="*/ 536769 w 5967412"/>
              <a:gd name="connsiteY0" fmla="*/ 0 h 6858000"/>
              <a:gd name="connsiteX1" fmla="*/ 4630225 w 5967412"/>
              <a:gd name="connsiteY1" fmla="*/ 0 h 6858000"/>
              <a:gd name="connsiteX2" fmla="*/ 5430643 w 5967412"/>
              <a:gd name="connsiteY2" fmla="*/ 0 h 6858000"/>
              <a:gd name="connsiteX3" fmla="*/ 5967412 w 5967412"/>
              <a:gd name="connsiteY3" fmla="*/ 0 h 6858000"/>
              <a:gd name="connsiteX4" fmla="*/ 5967412 w 5967412"/>
              <a:gd name="connsiteY4" fmla="*/ 536769 h 6858000"/>
              <a:gd name="connsiteX5" fmla="*/ 5967412 w 5967412"/>
              <a:gd name="connsiteY5" fmla="*/ 1543665 h 6858000"/>
              <a:gd name="connsiteX6" fmla="*/ 5967412 w 5967412"/>
              <a:gd name="connsiteY6" fmla="*/ 5314335 h 6858000"/>
              <a:gd name="connsiteX7" fmla="*/ 5967412 w 5967412"/>
              <a:gd name="connsiteY7" fmla="*/ 6321231 h 6858000"/>
              <a:gd name="connsiteX8" fmla="*/ 5967412 w 5967412"/>
              <a:gd name="connsiteY8" fmla="*/ 6858000 h 6858000"/>
              <a:gd name="connsiteX9" fmla="*/ 5430643 w 5967412"/>
              <a:gd name="connsiteY9" fmla="*/ 6858000 h 6858000"/>
              <a:gd name="connsiteX10" fmla="*/ 4630225 w 5967412"/>
              <a:gd name="connsiteY10" fmla="*/ 6858000 h 6858000"/>
              <a:gd name="connsiteX11" fmla="*/ 1337187 w 5967412"/>
              <a:gd name="connsiteY11" fmla="*/ 6858000 h 6858000"/>
              <a:gd name="connsiteX12" fmla="*/ 536769 w 5967412"/>
              <a:gd name="connsiteY12" fmla="*/ 6858000 h 6858000"/>
              <a:gd name="connsiteX13" fmla="*/ 0 w 5967412"/>
              <a:gd name="connsiteY13" fmla="*/ 6858000 h 6858000"/>
              <a:gd name="connsiteX14" fmla="*/ 0 w 5967412"/>
              <a:gd name="connsiteY14" fmla="*/ 6321231 h 6858000"/>
              <a:gd name="connsiteX15" fmla="*/ 0 w 5967412"/>
              <a:gd name="connsiteY15" fmla="*/ 5314335 h 6858000"/>
              <a:gd name="connsiteX16" fmla="*/ 0 w 5967412"/>
              <a:gd name="connsiteY16" fmla="*/ 536769 h 6858000"/>
              <a:gd name="connsiteX17" fmla="*/ 536769 w 5967412"/>
              <a:gd name="connsiteY1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5967412" h="6858000">
                <a:moveTo>
                  <a:pt x="536769" y="0"/>
                </a:moveTo>
                <a:lnTo>
                  <a:pt x="4630225" y="0"/>
                </a:lnTo>
                <a:lnTo>
                  <a:pt x="5430643" y="0"/>
                </a:lnTo>
                <a:lnTo>
                  <a:pt x="5967412" y="0"/>
                </a:lnTo>
                <a:lnTo>
                  <a:pt x="5967412" y="536769"/>
                </a:lnTo>
                <a:lnTo>
                  <a:pt x="5967412" y="1543665"/>
                </a:lnTo>
                <a:lnTo>
                  <a:pt x="5967412" y="5314335"/>
                </a:lnTo>
                <a:lnTo>
                  <a:pt x="5967412" y="6321231"/>
                </a:lnTo>
                <a:lnTo>
                  <a:pt x="5967412" y="6858000"/>
                </a:lnTo>
                <a:lnTo>
                  <a:pt x="5430643" y="6858000"/>
                </a:lnTo>
                <a:lnTo>
                  <a:pt x="4630225" y="6858000"/>
                </a:lnTo>
                <a:lnTo>
                  <a:pt x="1337187" y="6858000"/>
                </a:lnTo>
                <a:lnTo>
                  <a:pt x="536769" y="6858000"/>
                </a:lnTo>
                <a:lnTo>
                  <a:pt x="0" y="6858000"/>
                </a:lnTo>
                <a:lnTo>
                  <a:pt x="0" y="6321231"/>
                </a:lnTo>
                <a:lnTo>
                  <a:pt x="0" y="5314335"/>
                </a:lnTo>
                <a:lnTo>
                  <a:pt x="0" y="536769"/>
                </a:lnTo>
                <a:cubicBezTo>
                  <a:pt x="0" y="240320"/>
                  <a:pt x="240320" y="0"/>
                  <a:pt x="536769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bIns="72000" anchor="b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D2526F5-5CE8-0F9C-1B30-4A814883F9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5317825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og indsæt overskrift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57B58181-DE00-7B3C-7EFA-612704BA3C7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5317825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3B4B108-24DD-CD8F-F1E3-5DD98AA90CC7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317825" cy="4006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</p:spTree>
    <p:extLst>
      <p:ext uri="{BB962C8B-B14F-4D97-AF65-F5344CB8AC3E}">
        <p14:creationId xmlns:p14="http://schemas.microsoft.com/office/powerpoint/2010/main" val="1997695520"/>
      </p:ext>
    </p:extLst>
  </p:cSld>
  <p:clrMapOvr>
    <a:masterClrMapping/>
  </p:clrMapOvr>
  <p:hf sldNum="0" hdr="0" ftr="0" dt="0"/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Pladsholder til billede 36">
            <a:extLst>
              <a:ext uri="{FF2B5EF4-FFF2-40B4-BE49-F238E27FC236}">
                <a16:creationId xmlns:a16="http://schemas.microsoft.com/office/drawing/2014/main" id="{9C188D91-FF1D-2905-6219-3579B19752D7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88800" y="1943100"/>
            <a:ext cx="5577025" cy="4006850"/>
          </a:xfrm>
          <a:custGeom>
            <a:avLst/>
            <a:gdLst>
              <a:gd name="connsiteX0" fmla="*/ 539162 w 5577025"/>
              <a:gd name="connsiteY0" fmla="*/ 0 h 4006850"/>
              <a:gd name="connsiteX1" fmla="*/ 4721618 w 5577025"/>
              <a:gd name="connsiteY1" fmla="*/ 0 h 4006850"/>
              <a:gd name="connsiteX2" fmla="*/ 5037863 w 5577025"/>
              <a:gd name="connsiteY2" fmla="*/ 0 h 4006850"/>
              <a:gd name="connsiteX3" fmla="*/ 5577025 w 5577025"/>
              <a:gd name="connsiteY3" fmla="*/ 0 h 4006850"/>
              <a:gd name="connsiteX4" fmla="*/ 5577025 w 5577025"/>
              <a:gd name="connsiteY4" fmla="*/ 539162 h 4006850"/>
              <a:gd name="connsiteX5" fmla="*/ 5577025 w 5577025"/>
              <a:gd name="connsiteY5" fmla="*/ 1042220 h 4006850"/>
              <a:gd name="connsiteX6" fmla="*/ 5577025 w 5577025"/>
              <a:gd name="connsiteY6" fmla="*/ 3467688 h 4006850"/>
              <a:gd name="connsiteX7" fmla="*/ 5037863 w 5577025"/>
              <a:gd name="connsiteY7" fmla="*/ 4006850 h 4006850"/>
              <a:gd name="connsiteX8" fmla="*/ 539162 w 5577025"/>
              <a:gd name="connsiteY8" fmla="*/ 4006850 h 4006850"/>
              <a:gd name="connsiteX9" fmla="*/ 0 w 5577025"/>
              <a:gd name="connsiteY9" fmla="*/ 3467688 h 4006850"/>
              <a:gd name="connsiteX10" fmla="*/ 0 w 5577025"/>
              <a:gd name="connsiteY10" fmla="*/ 539162 h 4006850"/>
              <a:gd name="connsiteX11" fmla="*/ 539162 w 5577025"/>
              <a:gd name="connsiteY11" fmla="*/ 0 h 4006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577025" h="4006850">
                <a:moveTo>
                  <a:pt x="539162" y="0"/>
                </a:moveTo>
                <a:lnTo>
                  <a:pt x="4721618" y="0"/>
                </a:lnTo>
                <a:lnTo>
                  <a:pt x="5037863" y="0"/>
                </a:lnTo>
                <a:lnTo>
                  <a:pt x="5577025" y="0"/>
                </a:lnTo>
                <a:lnTo>
                  <a:pt x="5577025" y="539162"/>
                </a:lnTo>
                <a:lnTo>
                  <a:pt x="5577025" y="1042220"/>
                </a:lnTo>
                <a:lnTo>
                  <a:pt x="5577025" y="3467688"/>
                </a:lnTo>
                <a:cubicBezTo>
                  <a:pt x="5577025" y="3765459"/>
                  <a:pt x="5335634" y="4006850"/>
                  <a:pt x="5037863" y="4006850"/>
                </a:cubicBezTo>
                <a:lnTo>
                  <a:pt x="539162" y="4006850"/>
                </a:lnTo>
                <a:cubicBezTo>
                  <a:pt x="241391" y="4006850"/>
                  <a:pt x="0" y="3765459"/>
                  <a:pt x="0" y="3467688"/>
                </a:cubicBezTo>
                <a:lnTo>
                  <a:pt x="0" y="539162"/>
                </a:lnTo>
                <a:cubicBezTo>
                  <a:pt x="0" y="241391"/>
                  <a:pt x="241391" y="0"/>
                  <a:pt x="539162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bIns="72000" anchor="b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D2526F5-5CE8-0F9C-1B30-4A814883F9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999" y="648000"/>
            <a:ext cx="1089720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57B58181-DE00-7B3C-7EFA-612704BA3C7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999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3B4B108-24DD-CD8F-F1E3-5DD98AA90CC7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598800" y="1944000"/>
            <a:ext cx="4273988" cy="4006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3116D7F8-371E-BAC5-AA3C-30B6C9BEC43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9553A9A-4FDE-4AFF-BBDD-2A95AC629A2C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:a16="http://schemas.microsoft.com/office/drawing/2014/main" id="{AB28B257-41B5-D8E1-F7B3-C4AB20920F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 hidden="1">
            <a:extLst>
              <a:ext uri="{FF2B5EF4-FFF2-40B4-BE49-F238E27FC236}">
                <a16:creationId xmlns:a16="http://schemas.microsoft.com/office/drawing/2014/main" id="{3DBC7F08-6300-292B-BD7A-76272646543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4917633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Pladsholder til billede 36">
            <a:extLst>
              <a:ext uri="{FF2B5EF4-FFF2-40B4-BE49-F238E27FC236}">
                <a16:creationId xmlns:a16="http://schemas.microsoft.com/office/drawing/2014/main" id="{9C188D91-FF1D-2905-6219-3579B19752D7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88800" y="1943100"/>
            <a:ext cx="5577025" cy="4006850"/>
          </a:xfrm>
          <a:custGeom>
            <a:avLst/>
            <a:gdLst>
              <a:gd name="connsiteX0" fmla="*/ 539162 w 5577025"/>
              <a:gd name="connsiteY0" fmla="*/ 0 h 4006850"/>
              <a:gd name="connsiteX1" fmla="*/ 4721618 w 5577025"/>
              <a:gd name="connsiteY1" fmla="*/ 0 h 4006850"/>
              <a:gd name="connsiteX2" fmla="*/ 5037863 w 5577025"/>
              <a:gd name="connsiteY2" fmla="*/ 0 h 4006850"/>
              <a:gd name="connsiteX3" fmla="*/ 5577025 w 5577025"/>
              <a:gd name="connsiteY3" fmla="*/ 0 h 4006850"/>
              <a:gd name="connsiteX4" fmla="*/ 5577025 w 5577025"/>
              <a:gd name="connsiteY4" fmla="*/ 539162 h 4006850"/>
              <a:gd name="connsiteX5" fmla="*/ 5577025 w 5577025"/>
              <a:gd name="connsiteY5" fmla="*/ 1042220 h 4006850"/>
              <a:gd name="connsiteX6" fmla="*/ 5577025 w 5577025"/>
              <a:gd name="connsiteY6" fmla="*/ 3467688 h 4006850"/>
              <a:gd name="connsiteX7" fmla="*/ 5037863 w 5577025"/>
              <a:gd name="connsiteY7" fmla="*/ 4006850 h 4006850"/>
              <a:gd name="connsiteX8" fmla="*/ 539162 w 5577025"/>
              <a:gd name="connsiteY8" fmla="*/ 4006850 h 4006850"/>
              <a:gd name="connsiteX9" fmla="*/ 0 w 5577025"/>
              <a:gd name="connsiteY9" fmla="*/ 3467688 h 4006850"/>
              <a:gd name="connsiteX10" fmla="*/ 0 w 5577025"/>
              <a:gd name="connsiteY10" fmla="*/ 539162 h 4006850"/>
              <a:gd name="connsiteX11" fmla="*/ 539162 w 5577025"/>
              <a:gd name="connsiteY11" fmla="*/ 0 h 4006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577025" h="4006850">
                <a:moveTo>
                  <a:pt x="539162" y="0"/>
                </a:moveTo>
                <a:lnTo>
                  <a:pt x="4721618" y="0"/>
                </a:lnTo>
                <a:lnTo>
                  <a:pt x="5037863" y="0"/>
                </a:lnTo>
                <a:lnTo>
                  <a:pt x="5577025" y="0"/>
                </a:lnTo>
                <a:lnTo>
                  <a:pt x="5577025" y="539162"/>
                </a:lnTo>
                <a:lnTo>
                  <a:pt x="5577025" y="1042220"/>
                </a:lnTo>
                <a:lnTo>
                  <a:pt x="5577025" y="3467688"/>
                </a:lnTo>
                <a:cubicBezTo>
                  <a:pt x="5577025" y="3765459"/>
                  <a:pt x="5335634" y="4006850"/>
                  <a:pt x="5037863" y="4006850"/>
                </a:cubicBezTo>
                <a:lnTo>
                  <a:pt x="539162" y="4006850"/>
                </a:lnTo>
                <a:cubicBezTo>
                  <a:pt x="241391" y="4006850"/>
                  <a:pt x="0" y="3765459"/>
                  <a:pt x="0" y="3467688"/>
                </a:cubicBezTo>
                <a:lnTo>
                  <a:pt x="0" y="539162"/>
                </a:lnTo>
                <a:cubicBezTo>
                  <a:pt x="0" y="241391"/>
                  <a:pt x="241391" y="0"/>
                  <a:pt x="539162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bIns="72000" anchor="b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D2526F5-5CE8-0F9C-1B30-4A814883F9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999" y="648000"/>
            <a:ext cx="1089720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57B58181-DE00-7B3C-7EFA-612704BA3C7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999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4E8C1449-912A-DDBD-F3F4-19A43447E25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616700" y="1943100"/>
            <a:ext cx="4256088" cy="4006850"/>
          </a:xfrm>
        </p:spPr>
        <p:txBody>
          <a:bodyPr/>
          <a:lstStyle>
            <a:lvl1pPr marL="0" indent="72000">
              <a:buFont typeface="DI Sans Office" panose="00000500000000000000" charset="0"/>
              <a:buChar char="“"/>
              <a:defRPr/>
            </a:lvl1pPr>
            <a:lvl2pPr marL="0" indent="0"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b="1"/>
            </a:lvl2pPr>
            <a:lvl3pPr marL="0" indent="0">
              <a:spcAft>
                <a:spcPts val="600"/>
              </a:spcAft>
              <a:buFont typeface="Arial" panose="020B0604020202020204" pitchFamily="34" charset="0"/>
              <a:buChar char="​"/>
              <a:defRPr b="0"/>
            </a:lvl3pPr>
            <a:lvl4pPr>
              <a:spcAft>
                <a:spcPts val="600"/>
              </a:spcAft>
              <a:defRPr b="0"/>
            </a:lvl4pPr>
            <a:lvl5pPr>
              <a:spcAft>
                <a:spcPts val="600"/>
              </a:spcAft>
              <a:defRPr b="0"/>
            </a:lvl5pPr>
            <a:lvl6pPr marL="0" indent="0">
              <a:lnSpc>
                <a:spcPct val="93000"/>
              </a:lnSpc>
              <a:spcAft>
                <a:spcPts val="600"/>
              </a:spcAft>
              <a:buFont typeface="Arial" panose="020B0604020202020204" pitchFamily="34" charset="0"/>
              <a:buNone/>
              <a:defRPr sz="2000" b="0"/>
            </a:lvl6pPr>
            <a:lvl7pPr marL="0" indent="0">
              <a:lnSpc>
                <a:spcPct val="93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000" b="0"/>
            </a:lvl7pPr>
            <a:lvl8pPr marL="0" indent="0">
              <a:lnSpc>
                <a:spcPct val="93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000" b="0"/>
            </a:lvl8pPr>
            <a:lvl9pPr marL="0" indent="0">
              <a:lnSpc>
                <a:spcPct val="93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000" b="0"/>
            </a:lvl9pPr>
          </a:lstStyle>
          <a:p>
            <a:pPr lvl="0"/>
            <a:r>
              <a:rPr lang="da-DK" dirty="0"/>
              <a:t>Klik for at indsætte citat tekst evt. fremhæv med fed.                                    Klik ENTER derefter TAB for at indsætte: Navn og efternavn                                     Klik ENTER derefter TAB for at indsætte: Titel, virksomhed i korrekt tekst style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13" name="Kombinationstegning: figur 12">
            <a:extLst>
              <a:ext uri="{FF2B5EF4-FFF2-40B4-BE49-F238E27FC236}">
                <a16:creationId xmlns:a16="http://schemas.microsoft.com/office/drawing/2014/main" id="{A8EEF8A6-EC59-B3AF-D544-0215FD9BB2F1}"/>
              </a:ext>
            </a:extLst>
          </p:cNvPr>
          <p:cNvSpPr/>
          <p:nvPr userDrawn="1"/>
        </p:nvSpPr>
        <p:spPr>
          <a:xfrm>
            <a:off x="11028218" y="1575666"/>
            <a:ext cx="514495" cy="507039"/>
          </a:xfrm>
          <a:custGeom>
            <a:avLst/>
            <a:gdLst>
              <a:gd name="connsiteX0" fmla="*/ 179948 w 514495"/>
              <a:gd name="connsiteY0" fmla="*/ 0 h 507039"/>
              <a:gd name="connsiteX1" fmla="*/ 334547 w 514495"/>
              <a:gd name="connsiteY1" fmla="*/ 0 h 507039"/>
              <a:gd name="connsiteX2" fmla="*/ 514495 w 514495"/>
              <a:gd name="connsiteY2" fmla="*/ 179948 h 507039"/>
              <a:gd name="connsiteX3" fmla="*/ 514495 w 514495"/>
              <a:gd name="connsiteY3" fmla="*/ 327091 h 507039"/>
              <a:gd name="connsiteX4" fmla="*/ 334547 w 514495"/>
              <a:gd name="connsiteY4" fmla="*/ 507039 h 507039"/>
              <a:gd name="connsiteX5" fmla="*/ 180110 w 514495"/>
              <a:gd name="connsiteY5" fmla="*/ 507039 h 507039"/>
              <a:gd name="connsiteX6" fmla="*/ 179948 w 514495"/>
              <a:gd name="connsiteY6" fmla="*/ 507039 h 507039"/>
              <a:gd name="connsiteX7" fmla="*/ 0 w 514495"/>
              <a:gd name="connsiteY7" fmla="*/ 507039 h 507039"/>
              <a:gd name="connsiteX8" fmla="*/ 0 w 514495"/>
              <a:gd name="connsiteY8" fmla="*/ 327091 h 507039"/>
              <a:gd name="connsiteX9" fmla="*/ 0 w 514495"/>
              <a:gd name="connsiteY9" fmla="*/ 286906 h 507039"/>
              <a:gd name="connsiteX10" fmla="*/ 0 w 514495"/>
              <a:gd name="connsiteY10" fmla="*/ 179948 h 507039"/>
              <a:gd name="connsiteX11" fmla="*/ 179948 w 514495"/>
              <a:gd name="connsiteY11" fmla="*/ 0 h 507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14495" h="507039">
                <a:moveTo>
                  <a:pt x="179948" y="0"/>
                </a:moveTo>
                <a:lnTo>
                  <a:pt x="334547" y="0"/>
                </a:lnTo>
                <a:cubicBezTo>
                  <a:pt x="433930" y="0"/>
                  <a:pt x="514495" y="80565"/>
                  <a:pt x="514495" y="179948"/>
                </a:cubicBezTo>
                <a:lnTo>
                  <a:pt x="514495" y="327091"/>
                </a:lnTo>
                <a:cubicBezTo>
                  <a:pt x="514495" y="426474"/>
                  <a:pt x="433930" y="507039"/>
                  <a:pt x="334547" y="507039"/>
                </a:cubicBezTo>
                <a:lnTo>
                  <a:pt x="180110" y="507039"/>
                </a:lnTo>
                <a:lnTo>
                  <a:pt x="179948" y="507039"/>
                </a:lnTo>
                <a:lnTo>
                  <a:pt x="0" y="507039"/>
                </a:lnTo>
                <a:lnTo>
                  <a:pt x="0" y="327091"/>
                </a:lnTo>
                <a:lnTo>
                  <a:pt x="0" y="286906"/>
                </a:lnTo>
                <a:lnTo>
                  <a:pt x="0" y="179948"/>
                </a:lnTo>
                <a:cubicBezTo>
                  <a:pt x="0" y="80565"/>
                  <a:pt x="80565" y="0"/>
                  <a:pt x="179948" y="0"/>
                </a:cubicBezTo>
                <a:close/>
              </a:path>
            </a:pathLst>
          </a:custGeom>
          <a:solidFill>
            <a:schemeClr val="accent2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BFDC3D11-79CB-0C48-FE68-624B121AA41D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81ABCEC2-7CAF-45A6-BE9A-22E11AB63D4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7" name="Pladsholder til sidefod 6" hidden="1">
            <a:extLst>
              <a:ext uri="{FF2B5EF4-FFF2-40B4-BE49-F238E27FC236}">
                <a16:creationId xmlns:a16="http://schemas.microsoft.com/office/drawing/2014/main" id="{575B18B2-C530-84AC-1432-9272BE2CFD10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 hidden="1">
            <a:extLst>
              <a:ext uri="{FF2B5EF4-FFF2-40B4-BE49-F238E27FC236}">
                <a16:creationId xmlns:a16="http://schemas.microsoft.com/office/drawing/2014/main" id="{B53BB447-77CB-50C1-6F19-B59DC751EA9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405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pport fem indhol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5F8B4114-3ED6-4DA2-8C83-C6DE1E45CC5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3456000" cy="251811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indsætte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30170"/>
            <a:ext cx="34560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                       Indsæt graf som et billede fra Excel. Grafen kan også laves direkte i PowerPoint:                                                 1. Klik på DI fanen                                      2. Create Chart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endParaRPr lang="da-DK" noProof="0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66800" y="648000"/>
            <a:ext cx="34560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buNone/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                       Indsæt graf som et billede fra Excel. Grafen kan også laves direkte i PowerPoint:                                                 1. Klik på DI fanen                                      2. Create Chart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725A8F3-C789-43A7-B9C7-C2E8AD06CA86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366800" y="3430170"/>
            <a:ext cx="34560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                       Indsæt graf som et billede fra Excel. Grafen kan også laves direkte i PowerPoint:                                                 1. Klik på DI fanen                                      2. Create Chart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EA075391-72C2-46AD-A34B-A677ADEAE2B2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8086713" y="3430170"/>
            <a:ext cx="34560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                       Indsæt graf som et billede fra Excel. Grafen kan også laves direkte i PowerPoint:                                                 1. Klik på DI fanen                                      2. Create Chart                     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12" name="Content Placeholder 12">
            <a:extLst>
              <a:ext uri="{FF2B5EF4-FFF2-40B4-BE49-F238E27FC236}">
                <a16:creationId xmlns:a16="http://schemas.microsoft.com/office/drawing/2014/main" id="{1AF3818B-4AF4-2388-5354-2C14A825A1FB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086713" y="648000"/>
            <a:ext cx="3456000" cy="252000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1pPr>
            <a:lvl2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2pPr>
            <a:lvl3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3pPr>
            <a:lvl4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4pPr>
            <a:lvl5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5pPr>
            <a:lvl6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6pPr>
            <a:lvl7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7pPr>
            <a:lvl8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8pPr>
            <a:lvl9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Klik for at indsætte 123%</a:t>
            </a:r>
          </a:p>
        </p:txBody>
      </p:sp>
      <p:sp>
        <p:nvSpPr>
          <p:cNvPr id="14" name="Text Placeholder note">
            <a:extLst>
              <a:ext uri="{FF2B5EF4-FFF2-40B4-BE49-F238E27FC236}">
                <a16:creationId xmlns:a16="http://schemas.microsoft.com/office/drawing/2014/main" id="{84B91D35-23CD-E42E-72A6-55B483D13D6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6D0FB33F-8C42-2D32-01E5-CA0AB0771641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184108CF-F4BF-46AE-BE9E-23AF7477B31B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4" name="Pladsholder til sidefod 3" hidden="1">
            <a:extLst>
              <a:ext uri="{FF2B5EF4-FFF2-40B4-BE49-F238E27FC236}">
                <a16:creationId xmlns:a16="http://schemas.microsoft.com/office/drawing/2014/main" id="{6DB6BEE3-FFAD-B58E-EA0A-D24AD2AB39E1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 hidden="1">
            <a:extLst>
              <a:ext uri="{FF2B5EF4-FFF2-40B4-BE49-F238E27FC236}">
                <a16:creationId xmlns:a16="http://schemas.microsoft.com/office/drawing/2014/main" id="{6C8A0763-32BF-111A-8FBC-C9676FCEDDE5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2553140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2" orient="horz" pos="2159" userDrawn="1">
          <p15:clr>
            <a:srgbClr val="A4A3A4"/>
          </p15:clr>
        </p15:guide>
        <p15:guide id="3" orient="horz" pos="1996" userDrawn="1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pport syv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4A490D34-535C-4BE8-BC2D-3F3666ED7C0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2527200" cy="252000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indsætte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308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437597" y="6480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173555-621B-4368-85A5-D9E165C763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437597" y="34308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0F68EC61-8561-4994-8A68-09675655FE31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29741" y="6480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2" name="Content Placeholder 12">
            <a:extLst>
              <a:ext uri="{FF2B5EF4-FFF2-40B4-BE49-F238E27FC236}">
                <a16:creationId xmlns:a16="http://schemas.microsoft.com/office/drawing/2014/main" id="{8FA2F1E0-918E-C691-0E61-C967C1BDB5A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13825" y="648000"/>
            <a:ext cx="2528888" cy="252000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1pPr>
            <a:lvl2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2pPr>
            <a:lvl3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3pPr>
            <a:lvl4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4pPr>
            <a:lvl5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5pPr>
            <a:lvl6pPr marL="0" indent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6pPr>
            <a:lvl7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7pPr>
            <a:lvl8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8pPr>
            <a:lvl9pPr marL="0">
              <a:lnSpc>
                <a:spcPct val="87000"/>
              </a:lnSpc>
              <a:spcBef>
                <a:spcPts val="1200"/>
              </a:spcBef>
              <a:spcAft>
                <a:spcPts val="0"/>
              </a:spcAft>
              <a:buNone/>
              <a:defRPr sz="6000" b="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Klik og indsæt 123%</a:t>
            </a:r>
          </a:p>
        </p:txBody>
      </p:sp>
      <p:sp>
        <p:nvSpPr>
          <p:cNvPr id="4" name="Text Placeholder note">
            <a:extLst>
              <a:ext uri="{FF2B5EF4-FFF2-40B4-BE49-F238E27FC236}">
                <a16:creationId xmlns:a16="http://schemas.microsoft.com/office/drawing/2014/main" id="{9293B404-C542-36E9-352D-662FB25977DE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295600" y="5949950"/>
            <a:ext cx="6249600" cy="29033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800" b="0" i="0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Anfør anmærkning, kilde eller fotokreditering</a:t>
            </a:r>
          </a:p>
        </p:txBody>
      </p:sp>
      <p:sp>
        <p:nvSpPr>
          <p:cNvPr id="9" name="Pladsholder til dato 8" hidden="1">
            <a:extLst>
              <a:ext uri="{FF2B5EF4-FFF2-40B4-BE49-F238E27FC236}">
                <a16:creationId xmlns:a16="http://schemas.microsoft.com/office/drawing/2014/main" id="{01224BFB-0C29-9655-0FE2-4E41651F096D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4EEAA188-5A0A-458D-9709-7483ECB9B179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0" name="Pladsholder til sidefod 9" hidden="1">
            <a:extLst>
              <a:ext uri="{FF2B5EF4-FFF2-40B4-BE49-F238E27FC236}">
                <a16:creationId xmlns:a16="http://schemas.microsoft.com/office/drawing/2014/main" id="{AEC8E52F-0D96-74F6-819D-5A9438022484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Pladsholder til slidenummer 13" hidden="1">
            <a:extLst>
              <a:ext uri="{FF2B5EF4-FFF2-40B4-BE49-F238E27FC236}">
                <a16:creationId xmlns:a16="http://schemas.microsoft.com/office/drawing/2014/main" id="{38B67B8E-9814-F918-84D9-5136B08F2477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7" name="Content Placeholder 14">
            <a:extLst>
              <a:ext uri="{FF2B5EF4-FFF2-40B4-BE49-F238E27FC236}">
                <a16:creationId xmlns:a16="http://schemas.microsoft.com/office/drawing/2014/main" id="{0A292E12-B22A-6473-743D-C1FAE7236874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229741" y="34308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18" name="Content Placeholder 14">
            <a:extLst>
              <a:ext uri="{FF2B5EF4-FFF2-40B4-BE49-F238E27FC236}">
                <a16:creationId xmlns:a16="http://schemas.microsoft.com/office/drawing/2014/main" id="{89973F6E-BE36-5A8D-29A5-741FC174D97B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9015513" y="3430800"/>
            <a:ext cx="2527200" cy="2520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indsætte tekst     Indsæt graf som et billede fra Excel.                         Grafen kan også laves direkte i PowerPoint:            1. Klik på DI fanen                2. Create Chart                      3. Vælg efterfølgende Chart Color </a:t>
            </a:r>
          </a:p>
          <a:p>
            <a:pPr lvl="1"/>
            <a:r>
              <a:rPr lang="da-DK" noProof="0" dirty="0"/>
              <a:t>Andet Niveau</a:t>
            </a:r>
          </a:p>
        </p:txBody>
      </p:sp>
    </p:spTree>
    <p:extLst>
      <p:ext uri="{BB962C8B-B14F-4D97-AF65-F5344CB8AC3E}">
        <p14:creationId xmlns:p14="http://schemas.microsoft.com/office/powerpoint/2010/main" val="28448064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996" userDrawn="1">
          <p15:clr>
            <a:srgbClr val="A4A3A4"/>
          </p15:clr>
        </p15:guide>
        <p15:guide id="2" orient="horz" pos="2158" userDrawn="1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Kontaktperson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61C79CF3-B631-E8E3-051D-72B58828B346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fld id="{A7544344-06F1-45C9-BF92-99A64AC4A3FE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54C20659-2A5B-B635-28CC-577FCE585D87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3" name="Pladsholder til slidenummer 2" hidden="1">
            <a:extLst>
              <a:ext uri="{FF2B5EF4-FFF2-40B4-BE49-F238E27FC236}">
                <a16:creationId xmlns:a16="http://schemas.microsoft.com/office/drawing/2014/main" id="{8A2E37A7-0865-5D9D-8070-D263D29272F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6" name="Billedepladsholder 1">
            <a:extLst>
              <a:ext uri="{FF2B5EF4-FFF2-40B4-BE49-F238E27FC236}">
                <a16:creationId xmlns:a16="http://schemas.microsoft.com/office/drawing/2014/main" id="{8E1C80C0-9FA5-E77D-95FB-701A9423CFD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435350" y="1526429"/>
            <a:ext cx="3719513" cy="3424446"/>
          </a:xfrm>
          <a:custGeom>
            <a:avLst/>
            <a:gdLst>
              <a:gd name="connsiteX0" fmla="*/ 0 w 3719513"/>
              <a:gd name="connsiteY0" fmla="*/ 0 h 3424446"/>
              <a:gd name="connsiteX1" fmla="*/ 349430 w 3719513"/>
              <a:gd name="connsiteY1" fmla="*/ 0 h 3424446"/>
              <a:gd name="connsiteX2" fmla="*/ 1027522 w 3719513"/>
              <a:gd name="connsiteY2" fmla="*/ 0 h 3424446"/>
              <a:gd name="connsiteX3" fmla="*/ 3370083 w 3719513"/>
              <a:gd name="connsiteY3" fmla="*/ 0 h 3424446"/>
              <a:gd name="connsiteX4" fmla="*/ 3719513 w 3719513"/>
              <a:gd name="connsiteY4" fmla="*/ 349430 h 3424446"/>
              <a:gd name="connsiteX5" fmla="*/ 3719513 w 3719513"/>
              <a:gd name="connsiteY5" fmla="*/ 3075016 h 3424446"/>
              <a:gd name="connsiteX6" fmla="*/ 3370083 w 3719513"/>
              <a:gd name="connsiteY6" fmla="*/ 3424446 h 3424446"/>
              <a:gd name="connsiteX7" fmla="*/ 349430 w 3719513"/>
              <a:gd name="connsiteY7" fmla="*/ 3424446 h 3424446"/>
              <a:gd name="connsiteX8" fmla="*/ 0 w 3719513"/>
              <a:gd name="connsiteY8" fmla="*/ 3075016 h 3424446"/>
              <a:gd name="connsiteX9" fmla="*/ 0 w 3719513"/>
              <a:gd name="connsiteY9" fmla="*/ 961534 h 3424446"/>
              <a:gd name="connsiteX10" fmla="*/ 0 w 3719513"/>
              <a:gd name="connsiteY10" fmla="*/ 349430 h 34244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3719513" h="3424446">
                <a:moveTo>
                  <a:pt x="0" y="0"/>
                </a:moveTo>
                <a:lnTo>
                  <a:pt x="349430" y="0"/>
                </a:lnTo>
                <a:lnTo>
                  <a:pt x="1027522" y="0"/>
                </a:lnTo>
                <a:lnTo>
                  <a:pt x="3370083" y="0"/>
                </a:lnTo>
                <a:cubicBezTo>
                  <a:pt x="3563068" y="0"/>
                  <a:pt x="3719513" y="156445"/>
                  <a:pt x="3719513" y="349430"/>
                </a:cubicBezTo>
                <a:lnTo>
                  <a:pt x="3719513" y="3075016"/>
                </a:lnTo>
                <a:cubicBezTo>
                  <a:pt x="3719513" y="3268001"/>
                  <a:pt x="3563068" y="3424446"/>
                  <a:pt x="3370083" y="3424446"/>
                </a:cubicBezTo>
                <a:lnTo>
                  <a:pt x="349430" y="3424446"/>
                </a:lnTo>
                <a:cubicBezTo>
                  <a:pt x="156445" y="3424446"/>
                  <a:pt x="0" y="3268001"/>
                  <a:pt x="0" y="3075016"/>
                </a:cubicBezTo>
                <a:lnTo>
                  <a:pt x="0" y="961534"/>
                </a:lnTo>
                <a:lnTo>
                  <a:pt x="0" y="34943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08000" tIns="72000" rIns="108000" bIns="0" anchor="t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17" name="Billedepladsholder 2">
            <a:extLst>
              <a:ext uri="{FF2B5EF4-FFF2-40B4-BE49-F238E27FC236}">
                <a16:creationId xmlns:a16="http://schemas.microsoft.com/office/drawing/2014/main" id="{C6660F99-2D39-0E5E-2BAE-8FE7E698DC74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496796" y="1526429"/>
            <a:ext cx="3719513" cy="3424446"/>
          </a:xfrm>
          <a:custGeom>
            <a:avLst/>
            <a:gdLst>
              <a:gd name="connsiteX0" fmla="*/ 0 w 3719513"/>
              <a:gd name="connsiteY0" fmla="*/ 0 h 3424446"/>
              <a:gd name="connsiteX1" fmla="*/ 349430 w 3719513"/>
              <a:gd name="connsiteY1" fmla="*/ 0 h 3424446"/>
              <a:gd name="connsiteX2" fmla="*/ 1027522 w 3719513"/>
              <a:gd name="connsiteY2" fmla="*/ 0 h 3424446"/>
              <a:gd name="connsiteX3" fmla="*/ 3370083 w 3719513"/>
              <a:gd name="connsiteY3" fmla="*/ 0 h 3424446"/>
              <a:gd name="connsiteX4" fmla="*/ 3719513 w 3719513"/>
              <a:gd name="connsiteY4" fmla="*/ 349430 h 3424446"/>
              <a:gd name="connsiteX5" fmla="*/ 3719513 w 3719513"/>
              <a:gd name="connsiteY5" fmla="*/ 3075016 h 3424446"/>
              <a:gd name="connsiteX6" fmla="*/ 3370083 w 3719513"/>
              <a:gd name="connsiteY6" fmla="*/ 3424446 h 3424446"/>
              <a:gd name="connsiteX7" fmla="*/ 349430 w 3719513"/>
              <a:gd name="connsiteY7" fmla="*/ 3424446 h 3424446"/>
              <a:gd name="connsiteX8" fmla="*/ 0 w 3719513"/>
              <a:gd name="connsiteY8" fmla="*/ 3075016 h 3424446"/>
              <a:gd name="connsiteX9" fmla="*/ 0 w 3719513"/>
              <a:gd name="connsiteY9" fmla="*/ 961534 h 3424446"/>
              <a:gd name="connsiteX10" fmla="*/ 0 w 3719513"/>
              <a:gd name="connsiteY10" fmla="*/ 349430 h 34244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3719513" h="3424446">
                <a:moveTo>
                  <a:pt x="0" y="0"/>
                </a:moveTo>
                <a:lnTo>
                  <a:pt x="349430" y="0"/>
                </a:lnTo>
                <a:lnTo>
                  <a:pt x="1027522" y="0"/>
                </a:lnTo>
                <a:lnTo>
                  <a:pt x="3370083" y="0"/>
                </a:lnTo>
                <a:cubicBezTo>
                  <a:pt x="3563068" y="0"/>
                  <a:pt x="3719513" y="156445"/>
                  <a:pt x="3719513" y="349430"/>
                </a:cubicBezTo>
                <a:lnTo>
                  <a:pt x="3719513" y="3075016"/>
                </a:lnTo>
                <a:cubicBezTo>
                  <a:pt x="3719513" y="3268001"/>
                  <a:pt x="3563068" y="3424446"/>
                  <a:pt x="3370083" y="3424446"/>
                </a:cubicBezTo>
                <a:lnTo>
                  <a:pt x="349430" y="3424446"/>
                </a:lnTo>
                <a:cubicBezTo>
                  <a:pt x="156445" y="3424446"/>
                  <a:pt x="0" y="3268001"/>
                  <a:pt x="0" y="3075016"/>
                </a:cubicBezTo>
                <a:lnTo>
                  <a:pt x="0" y="961534"/>
                </a:lnTo>
                <a:lnTo>
                  <a:pt x="0" y="34943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08000" tIns="72000" rIns="108000" bIns="0" anchor="t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9F85D3E7-D4BC-7BF4-9267-EBAA80F11F2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60069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Kontaktpersoner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3EE981BC-DD1C-C0DC-77DB-4FB9211CC57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700" y="1501897"/>
            <a:ext cx="1858963" cy="216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1000"/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1"/>
            </a:lvl2pPr>
            <a:lvl3pPr marL="90000" indent="-90000">
              <a:lnSpc>
                <a:spcPct val="100000"/>
              </a:lnSpc>
              <a:spcAft>
                <a:spcPts val="600"/>
              </a:spcAft>
              <a:defRPr sz="1000"/>
            </a:lvl3pPr>
            <a:lvl4pPr marL="180000" indent="-900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 sz="1000" b="0"/>
            </a:lvl4pPr>
            <a:lvl5pPr marL="270000" indent="-900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 sz="1000"/>
            </a:lvl5pPr>
            <a:lvl6pPr marL="180000" indent="-180000">
              <a:lnSpc>
                <a:spcPct val="93000"/>
              </a:lnSpc>
              <a:spcAft>
                <a:spcPts val="600"/>
              </a:spcAft>
              <a:defRPr sz="2000"/>
            </a:lvl6pPr>
            <a:lvl7pPr>
              <a:lnSpc>
                <a:spcPct val="93000"/>
              </a:lnSpc>
              <a:spcAft>
                <a:spcPts val="0"/>
              </a:spcAft>
              <a:defRPr sz="2000"/>
            </a:lvl7pPr>
            <a:lvl8pPr>
              <a:lnSpc>
                <a:spcPct val="93000"/>
              </a:lnSpc>
              <a:spcAft>
                <a:spcPts val="1200"/>
              </a:spcAft>
              <a:defRPr sz="2000"/>
            </a:lvl8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9" name="Pladsholder til tekst navn">
            <a:extLst>
              <a:ext uri="{FF2B5EF4-FFF2-40B4-BE49-F238E27FC236}">
                <a16:creationId xmlns:a16="http://schemas.microsoft.com/office/drawing/2014/main" id="{DDEC23B9-63B1-8BA7-FB58-08899754911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668454" y="5117657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20" name="Pladsholder til tekst titel">
            <a:extLst>
              <a:ext uri="{FF2B5EF4-FFF2-40B4-BE49-F238E27FC236}">
                <a16:creationId xmlns:a16="http://schemas.microsoft.com/office/drawing/2014/main" id="{C3209B5F-30C5-BE84-44CC-333585A3BF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668454" y="5333589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21" name="Pladsholder til tekst telefon">
            <a:extLst>
              <a:ext uri="{FF2B5EF4-FFF2-40B4-BE49-F238E27FC236}">
                <a16:creationId xmlns:a16="http://schemas.microsoft.com/office/drawing/2014/main" id="{BF5FABDB-6367-759E-E4F7-D8432A45C4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68454" y="5568375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22" name="Pladsholder til tekst email">
            <a:extLst>
              <a:ext uri="{FF2B5EF4-FFF2-40B4-BE49-F238E27FC236}">
                <a16:creationId xmlns:a16="http://schemas.microsoft.com/office/drawing/2014/main" id="{A40AE11C-8823-76DC-0AD3-9E650185024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68454" y="5765452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23" name="Pladsholder til tekst navn">
            <a:extLst>
              <a:ext uri="{FF2B5EF4-FFF2-40B4-BE49-F238E27FC236}">
                <a16:creationId xmlns:a16="http://schemas.microsoft.com/office/drawing/2014/main" id="{2ED3459A-AA83-0355-7B8C-61659F33B7C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729276" y="5117657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24" name="Pladsholder til tekst titel">
            <a:extLst>
              <a:ext uri="{FF2B5EF4-FFF2-40B4-BE49-F238E27FC236}">
                <a16:creationId xmlns:a16="http://schemas.microsoft.com/office/drawing/2014/main" id="{829D7A4F-734B-839A-2375-E0154A4684B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729276" y="5333589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25" name="Pladsholder til tekst telefon">
            <a:extLst>
              <a:ext uri="{FF2B5EF4-FFF2-40B4-BE49-F238E27FC236}">
                <a16:creationId xmlns:a16="http://schemas.microsoft.com/office/drawing/2014/main" id="{8F488769-3123-F208-1EA9-05964E696AA1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729276" y="5568375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26" name="Pladsholder til tekst email">
            <a:extLst>
              <a:ext uri="{FF2B5EF4-FFF2-40B4-BE49-F238E27FC236}">
                <a16:creationId xmlns:a16="http://schemas.microsoft.com/office/drawing/2014/main" id="{F6F6DEF3-65D9-C270-60ED-08A37C620A6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729276" y="5765452"/>
            <a:ext cx="3222000" cy="252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6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6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6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6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6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6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</p:spTree>
    <p:extLst>
      <p:ext uri="{BB962C8B-B14F-4D97-AF65-F5344CB8AC3E}">
        <p14:creationId xmlns:p14="http://schemas.microsoft.com/office/powerpoint/2010/main" val="262076471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 Kontaktperson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61C79CF3-B631-E8E3-051D-72B58828B346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fld id="{F62E5546-1801-4FB6-A052-41D15CA0BB48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54C20659-2A5B-B635-28CC-577FCE585D87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3" name="Pladsholder til slidenummer 2" hidden="1">
            <a:extLst>
              <a:ext uri="{FF2B5EF4-FFF2-40B4-BE49-F238E27FC236}">
                <a16:creationId xmlns:a16="http://schemas.microsoft.com/office/drawing/2014/main" id="{8A2E37A7-0865-5D9D-8070-D263D29272F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0" name="grid småt" descr="Et billede, der indeholder tekst, skærmbillede, linje/række, Font/skrifttype&#10;&#10;Automatisk genereret beskrivelse" hidden="1">
            <a:extLst>
              <a:ext uri="{FF2B5EF4-FFF2-40B4-BE49-F238E27FC236}">
                <a16:creationId xmlns:a16="http://schemas.microsoft.com/office/drawing/2014/main" id="{3295CEEC-B8A1-194B-1079-0770A0029A6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63"/>
            <a:ext cx="12192000" cy="6857274"/>
          </a:xfrm>
          <a:prstGeom prst="rect">
            <a:avLst/>
          </a:prstGeom>
        </p:spPr>
      </p:pic>
      <p:pic>
        <p:nvPicPr>
          <p:cNvPr id="6" name="smid ud" hidden="1">
            <a:extLst>
              <a:ext uri="{FF2B5EF4-FFF2-40B4-BE49-F238E27FC236}">
                <a16:creationId xmlns:a16="http://schemas.microsoft.com/office/drawing/2014/main" id="{D011A325-68FE-5D85-4280-E37E0F9185A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63" y="428"/>
            <a:ext cx="12190474" cy="6857141"/>
          </a:xfrm>
          <a:prstGeom prst="rect">
            <a:avLst/>
          </a:prstGeom>
        </p:spPr>
      </p:pic>
      <p:sp>
        <p:nvSpPr>
          <p:cNvPr id="29" name="Billedepladsholder 1">
            <a:extLst>
              <a:ext uri="{FF2B5EF4-FFF2-40B4-BE49-F238E27FC236}">
                <a16:creationId xmlns:a16="http://schemas.microsoft.com/office/drawing/2014/main" id="{6971982E-4974-B284-D383-CBBB77B6EBC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683274" y="1268760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30" name="Billedepladsholder 2">
            <a:extLst>
              <a:ext uri="{FF2B5EF4-FFF2-40B4-BE49-F238E27FC236}">
                <a16:creationId xmlns:a16="http://schemas.microsoft.com/office/drawing/2014/main" id="{88034DEB-A09C-B6AF-72F4-7AF1DCE52921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715842" y="1268760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35" name="Billedepladsholder 3">
            <a:extLst>
              <a:ext uri="{FF2B5EF4-FFF2-40B4-BE49-F238E27FC236}">
                <a16:creationId xmlns:a16="http://schemas.microsoft.com/office/drawing/2014/main" id="{1DB3B329-EFF8-2CE9-D20C-F0741A1FB845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748000" y="1268760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40" name="Billedepladsholder 5">
            <a:extLst>
              <a:ext uri="{FF2B5EF4-FFF2-40B4-BE49-F238E27FC236}">
                <a16:creationId xmlns:a16="http://schemas.microsoft.com/office/drawing/2014/main" id="{7F28C2A1-E2A7-AE2A-97D4-D330E0F8F1E9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9780977" y="1268760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45" name="Billedepladsholder 6">
            <a:extLst>
              <a:ext uri="{FF2B5EF4-FFF2-40B4-BE49-F238E27FC236}">
                <a16:creationId xmlns:a16="http://schemas.microsoft.com/office/drawing/2014/main" id="{F8A4C92D-38AF-FA22-470D-D6C5CCBBAE30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3683274" y="3812372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46" name="Billedepladsholder 7">
            <a:extLst>
              <a:ext uri="{FF2B5EF4-FFF2-40B4-BE49-F238E27FC236}">
                <a16:creationId xmlns:a16="http://schemas.microsoft.com/office/drawing/2014/main" id="{37DD0963-1982-A82D-5AF0-58D686B8C0FB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5715842" y="3812372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47" name="Billedepladsholder 8">
            <a:extLst>
              <a:ext uri="{FF2B5EF4-FFF2-40B4-BE49-F238E27FC236}">
                <a16:creationId xmlns:a16="http://schemas.microsoft.com/office/drawing/2014/main" id="{14A5FC0D-0172-3D1B-D51C-AA39B361A595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7748000" y="3812372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48" name="Billedepladsholder 9">
            <a:extLst>
              <a:ext uri="{FF2B5EF4-FFF2-40B4-BE49-F238E27FC236}">
                <a16:creationId xmlns:a16="http://schemas.microsoft.com/office/drawing/2014/main" id="{04BFF730-C1A6-26B6-7312-FB7186980B2E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9780977" y="3812372"/>
            <a:ext cx="1774800" cy="1651824"/>
          </a:xfrm>
          <a:custGeom>
            <a:avLst/>
            <a:gdLst>
              <a:gd name="connsiteX0" fmla="*/ 0 w 1784350"/>
              <a:gd name="connsiteY0" fmla="*/ 0 h 1651824"/>
              <a:gd name="connsiteX1" fmla="*/ 183204 w 1784350"/>
              <a:gd name="connsiteY1" fmla="*/ 0 h 1651824"/>
              <a:gd name="connsiteX2" fmla="*/ 458788 w 1784350"/>
              <a:gd name="connsiteY2" fmla="*/ 0 h 1651824"/>
              <a:gd name="connsiteX3" fmla="*/ 1601146 w 1784350"/>
              <a:gd name="connsiteY3" fmla="*/ 0 h 1651824"/>
              <a:gd name="connsiteX4" fmla="*/ 1784350 w 1784350"/>
              <a:gd name="connsiteY4" fmla="*/ 183204 h 1651824"/>
              <a:gd name="connsiteX5" fmla="*/ 1784350 w 1784350"/>
              <a:gd name="connsiteY5" fmla="*/ 1468620 h 1651824"/>
              <a:gd name="connsiteX6" fmla="*/ 1601146 w 1784350"/>
              <a:gd name="connsiteY6" fmla="*/ 1651824 h 1651824"/>
              <a:gd name="connsiteX7" fmla="*/ 183204 w 1784350"/>
              <a:gd name="connsiteY7" fmla="*/ 1651824 h 1651824"/>
              <a:gd name="connsiteX8" fmla="*/ 0 w 1784350"/>
              <a:gd name="connsiteY8" fmla="*/ 1468620 h 1651824"/>
              <a:gd name="connsiteX9" fmla="*/ 0 w 1784350"/>
              <a:gd name="connsiteY9" fmla="*/ 495300 h 1651824"/>
              <a:gd name="connsiteX10" fmla="*/ 0 w 1784350"/>
              <a:gd name="connsiteY10" fmla="*/ 183204 h 1651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784350" h="1651824">
                <a:moveTo>
                  <a:pt x="0" y="0"/>
                </a:moveTo>
                <a:lnTo>
                  <a:pt x="183204" y="0"/>
                </a:lnTo>
                <a:lnTo>
                  <a:pt x="458788" y="0"/>
                </a:lnTo>
                <a:lnTo>
                  <a:pt x="1601146" y="0"/>
                </a:lnTo>
                <a:cubicBezTo>
                  <a:pt x="1702327" y="0"/>
                  <a:pt x="1784350" y="82023"/>
                  <a:pt x="1784350" y="183204"/>
                </a:cubicBezTo>
                <a:lnTo>
                  <a:pt x="1784350" y="1468620"/>
                </a:lnTo>
                <a:cubicBezTo>
                  <a:pt x="1784350" y="1569801"/>
                  <a:pt x="1702327" y="1651824"/>
                  <a:pt x="1601146" y="1651824"/>
                </a:cubicBezTo>
                <a:lnTo>
                  <a:pt x="183204" y="1651824"/>
                </a:lnTo>
                <a:cubicBezTo>
                  <a:pt x="82023" y="1651824"/>
                  <a:pt x="0" y="1569801"/>
                  <a:pt x="0" y="1468620"/>
                </a:cubicBezTo>
                <a:lnTo>
                  <a:pt x="0" y="495300"/>
                </a:lnTo>
                <a:lnTo>
                  <a:pt x="0" y="18320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36000" tIns="72000" rIns="36000" bIns="0" anchor="t" anchorCtr="0">
            <a:noAutofit/>
          </a:bodyPr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rammen og indsæt billede via Skyfish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9F85D3E7-D4BC-7BF4-9267-EBAA80F11F2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60069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Kontaktpersoner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3EE981BC-DD1C-C0DC-77DB-4FB9211CC57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700" y="1501897"/>
            <a:ext cx="1858963" cy="216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1000"/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1"/>
            </a:lvl2pPr>
            <a:lvl3pPr marL="90000" indent="-90000">
              <a:lnSpc>
                <a:spcPct val="100000"/>
              </a:lnSpc>
              <a:spcAft>
                <a:spcPts val="600"/>
              </a:spcAft>
              <a:defRPr sz="1000"/>
            </a:lvl3pPr>
            <a:lvl4pPr marL="180000" indent="-900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 sz="1000" b="0"/>
            </a:lvl4pPr>
            <a:lvl5pPr marL="270000" indent="-900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 sz="1000"/>
            </a:lvl5pPr>
            <a:lvl6pPr marL="180000" indent="-180000">
              <a:lnSpc>
                <a:spcPct val="93000"/>
              </a:lnSpc>
              <a:spcAft>
                <a:spcPts val="600"/>
              </a:spcAft>
              <a:defRPr sz="2000"/>
            </a:lvl6pPr>
            <a:lvl7pPr>
              <a:lnSpc>
                <a:spcPct val="93000"/>
              </a:lnSpc>
              <a:spcAft>
                <a:spcPts val="0"/>
              </a:spcAft>
              <a:defRPr sz="2000"/>
            </a:lvl7pPr>
            <a:lvl8pPr>
              <a:lnSpc>
                <a:spcPct val="93000"/>
              </a:lnSpc>
              <a:spcAft>
                <a:spcPts val="1200"/>
              </a:spcAft>
              <a:defRPr sz="2000"/>
            </a:lvl8pPr>
          </a:lstStyle>
          <a:p>
            <a:pPr lvl="0"/>
            <a:r>
              <a:rPr lang="da-DK" noProof="0" dirty="0"/>
              <a:t>Klik for at indsætt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9" name="Pladsholder til tekst navn">
            <a:extLst>
              <a:ext uri="{FF2B5EF4-FFF2-40B4-BE49-F238E27FC236}">
                <a16:creationId xmlns:a16="http://schemas.microsoft.com/office/drawing/2014/main" id="{DDEC23B9-63B1-8BA7-FB58-08899754911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683274" y="3007995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20" name="Pladsholder til tekst titel">
            <a:extLst>
              <a:ext uri="{FF2B5EF4-FFF2-40B4-BE49-F238E27FC236}">
                <a16:creationId xmlns:a16="http://schemas.microsoft.com/office/drawing/2014/main" id="{C3209B5F-30C5-BE84-44CC-333585A3BF7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683274" y="3151914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21" name="Pladsholder til tekst telefon">
            <a:extLst>
              <a:ext uri="{FF2B5EF4-FFF2-40B4-BE49-F238E27FC236}">
                <a16:creationId xmlns:a16="http://schemas.microsoft.com/office/drawing/2014/main" id="{BF5FABDB-6367-759E-E4F7-D8432A45C4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83274" y="329974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22" name="Pladsholder til tekst email">
            <a:extLst>
              <a:ext uri="{FF2B5EF4-FFF2-40B4-BE49-F238E27FC236}">
                <a16:creationId xmlns:a16="http://schemas.microsoft.com/office/drawing/2014/main" id="{A40AE11C-8823-76DC-0AD3-9E650185024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83274" y="343975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31" name="Pladsholder til tekst navn">
            <a:extLst>
              <a:ext uri="{FF2B5EF4-FFF2-40B4-BE49-F238E27FC236}">
                <a16:creationId xmlns:a16="http://schemas.microsoft.com/office/drawing/2014/main" id="{7AF5FC5F-69FC-D428-5BE7-9370B292F75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715842" y="3007995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32" name="Pladsholder til tekst titel">
            <a:extLst>
              <a:ext uri="{FF2B5EF4-FFF2-40B4-BE49-F238E27FC236}">
                <a16:creationId xmlns:a16="http://schemas.microsoft.com/office/drawing/2014/main" id="{303419BD-1ACC-9F1C-2C65-AAE5BD24242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715842" y="3151914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33" name="Pladsholder til tekst telefon">
            <a:extLst>
              <a:ext uri="{FF2B5EF4-FFF2-40B4-BE49-F238E27FC236}">
                <a16:creationId xmlns:a16="http://schemas.microsoft.com/office/drawing/2014/main" id="{4B8F2474-8241-8548-EA98-CE6CA98B3C7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715842" y="329974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34" name="Pladsholder til tekst email">
            <a:extLst>
              <a:ext uri="{FF2B5EF4-FFF2-40B4-BE49-F238E27FC236}">
                <a16:creationId xmlns:a16="http://schemas.microsoft.com/office/drawing/2014/main" id="{D50DCBDA-5CB8-CCDF-2907-82D11E830C4A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715842" y="343975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36" name="Pladsholder til tekst navn">
            <a:extLst>
              <a:ext uri="{FF2B5EF4-FFF2-40B4-BE49-F238E27FC236}">
                <a16:creationId xmlns:a16="http://schemas.microsoft.com/office/drawing/2014/main" id="{920160E7-6ED1-3E72-227F-E94236A4C6C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748000" y="3007995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37" name="Pladsholder til tekst titel">
            <a:extLst>
              <a:ext uri="{FF2B5EF4-FFF2-40B4-BE49-F238E27FC236}">
                <a16:creationId xmlns:a16="http://schemas.microsoft.com/office/drawing/2014/main" id="{DF65F25A-90E8-EE26-D6F7-843E85CEBC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748000" y="3151914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38" name="Pladsholder til tekst telefon">
            <a:extLst>
              <a:ext uri="{FF2B5EF4-FFF2-40B4-BE49-F238E27FC236}">
                <a16:creationId xmlns:a16="http://schemas.microsoft.com/office/drawing/2014/main" id="{A331EDAB-58A2-28AD-89F9-41103F16EAF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748000" y="329974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39" name="Pladsholder til tekst email">
            <a:extLst>
              <a:ext uri="{FF2B5EF4-FFF2-40B4-BE49-F238E27FC236}">
                <a16:creationId xmlns:a16="http://schemas.microsoft.com/office/drawing/2014/main" id="{E9A7C2BF-43A6-509A-B1BD-CBFA75CA3FF8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748000" y="343975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41" name="Pladsholder til tekst navn">
            <a:extLst>
              <a:ext uri="{FF2B5EF4-FFF2-40B4-BE49-F238E27FC236}">
                <a16:creationId xmlns:a16="http://schemas.microsoft.com/office/drawing/2014/main" id="{89E01B39-9686-2A85-4C6C-A71C2DDF751C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9780977" y="3007995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42" name="Pladsholder til tekst titel">
            <a:extLst>
              <a:ext uri="{FF2B5EF4-FFF2-40B4-BE49-F238E27FC236}">
                <a16:creationId xmlns:a16="http://schemas.microsoft.com/office/drawing/2014/main" id="{7E736C66-F9F4-38BD-4566-82A58A9D1B31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780977" y="3151914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43" name="Pladsholder til tekst telefon">
            <a:extLst>
              <a:ext uri="{FF2B5EF4-FFF2-40B4-BE49-F238E27FC236}">
                <a16:creationId xmlns:a16="http://schemas.microsoft.com/office/drawing/2014/main" id="{4C1F4AC3-BC20-CEB5-62E5-4FF7C4085A15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780977" y="329974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44" name="Pladsholder til tekst email">
            <a:extLst>
              <a:ext uri="{FF2B5EF4-FFF2-40B4-BE49-F238E27FC236}">
                <a16:creationId xmlns:a16="http://schemas.microsoft.com/office/drawing/2014/main" id="{9174F344-0B5E-994B-E79C-9E0BB38E7275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9780977" y="3439751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49" name="Pladsholder til tekst navn">
            <a:extLst>
              <a:ext uri="{FF2B5EF4-FFF2-40B4-BE49-F238E27FC236}">
                <a16:creationId xmlns:a16="http://schemas.microsoft.com/office/drawing/2014/main" id="{8432BB7C-8FF8-4C5B-1D49-F4C91B849C5F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3683274" y="5551607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50" name="Pladsholder til tekst titel">
            <a:extLst>
              <a:ext uri="{FF2B5EF4-FFF2-40B4-BE49-F238E27FC236}">
                <a16:creationId xmlns:a16="http://schemas.microsoft.com/office/drawing/2014/main" id="{331A4753-0F4F-6447-9D4E-42B1AD57CC46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3683274" y="5695526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51" name="Pladsholder til tekst telefon">
            <a:extLst>
              <a:ext uri="{FF2B5EF4-FFF2-40B4-BE49-F238E27FC236}">
                <a16:creationId xmlns:a16="http://schemas.microsoft.com/office/drawing/2014/main" id="{938027F6-4E6A-2776-F904-DB81D5A7F588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3683274" y="584335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52" name="Pladsholder til tekst email">
            <a:extLst>
              <a:ext uri="{FF2B5EF4-FFF2-40B4-BE49-F238E27FC236}">
                <a16:creationId xmlns:a16="http://schemas.microsoft.com/office/drawing/2014/main" id="{5F816DA7-6027-0DE1-4B5B-C4C530ABFA99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3683274" y="598336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53" name="Pladsholder til tekst navn">
            <a:extLst>
              <a:ext uri="{FF2B5EF4-FFF2-40B4-BE49-F238E27FC236}">
                <a16:creationId xmlns:a16="http://schemas.microsoft.com/office/drawing/2014/main" id="{106F6799-AB94-A6B6-2EA5-B2186191683A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5715842" y="5551607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54" name="Pladsholder til tekst titel">
            <a:extLst>
              <a:ext uri="{FF2B5EF4-FFF2-40B4-BE49-F238E27FC236}">
                <a16:creationId xmlns:a16="http://schemas.microsoft.com/office/drawing/2014/main" id="{D8500375-766E-C0ED-EC8F-763C54FB4AA2}"/>
              </a:ext>
            </a:extLst>
          </p:cNvPr>
          <p:cNvSpPr>
            <a:spLocks noGrp="1"/>
          </p:cNvSpPr>
          <p:nvPr>
            <p:ph type="body" sz="quarter" idx="44" hasCustomPrompt="1"/>
          </p:nvPr>
        </p:nvSpPr>
        <p:spPr>
          <a:xfrm>
            <a:off x="5715842" y="5695526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55" name="Pladsholder til tekst telefon">
            <a:extLst>
              <a:ext uri="{FF2B5EF4-FFF2-40B4-BE49-F238E27FC236}">
                <a16:creationId xmlns:a16="http://schemas.microsoft.com/office/drawing/2014/main" id="{E39F80E4-7B49-768B-2732-A83AEC9A6A3F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5715842" y="584335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56" name="Pladsholder til tekst email">
            <a:extLst>
              <a:ext uri="{FF2B5EF4-FFF2-40B4-BE49-F238E27FC236}">
                <a16:creationId xmlns:a16="http://schemas.microsoft.com/office/drawing/2014/main" id="{188D0902-6190-B9B1-CB44-973DC8CD6F37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5715842" y="598336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57" name="Pladsholder til tekst navn">
            <a:extLst>
              <a:ext uri="{FF2B5EF4-FFF2-40B4-BE49-F238E27FC236}">
                <a16:creationId xmlns:a16="http://schemas.microsoft.com/office/drawing/2014/main" id="{85DC99C2-7071-892E-C4C2-45472FE764B8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7748000" y="5551607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58" name="Pladsholder til tekst titel">
            <a:extLst>
              <a:ext uri="{FF2B5EF4-FFF2-40B4-BE49-F238E27FC236}">
                <a16:creationId xmlns:a16="http://schemas.microsoft.com/office/drawing/2014/main" id="{A2E967C9-3226-CDB4-EA4D-9B6D0C5E2A24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7748000" y="5695526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59" name="Pladsholder til tekst telefon">
            <a:extLst>
              <a:ext uri="{FF2B5EF4-FFF2-40B4-BE49-F238E27FC236}">
                <a16:creationId xmlns:a16="http://schemas.microsoft.com/office/drawing/2014/main" id="{C31F4BB1-07AC-88F2-BD8C-51370CDA5666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7748000" y="584335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60" name="Pladsholder til tekst email">
            <a:extLst>
              <a:ext uri="{FF2B5EF4-FFF2-40B4-BE49-F238E27FC236}">
                <a16:creationId xmlns:a16="http://schemas.microsoft.com/office/drawing/2014/main" id="{1E4B9B18-3A05-58D6-2B27-C3F8AEF05979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7748000" y="598336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  <p:sp>
        <p:nvSpPr>
          <p:cNvPr id="61" name="Pladsholder til tekst navn">
            <a:extLst>
              <a:ext uri="{FF2B5EF4-FFF2-40B4-BE49-F238E27FC236}">
                <a16:creationId xmlns:a16="http://schemas.microsoft.com/office/drawing/2014/main" id="{F49CA797-098A-8C23-D937-D0988C7A9E1B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9780977" y="5551607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1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1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1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1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1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1"/>
            </a:lvl9pPr>
          </a:lstStyle>
          <a:p>
            <a:pPr lvl="0"/>
            <a:r>
              <a:rPr lang="da-DK" noProof="0" dirty="0"/>
              <a:t>Klik for at indsætte navn</a:t>
            </a:r>
          </a:p>
        </p:txBody>
      </p:sp>
      <p:sp>
        <p:nvSpPr>
          <p:cNvPr id="62" name="Pladsholder til tekst titel">
            <a:extLst>
              <a:ext uri="{FF2B5EF4-FFF2-40B4-BE49-F238E27FC236}">
                <a16:creationId xmlns:a16="http://schemas.microsoft.com/office/drawing/2014/main" id="{0363CF2B-31E5-06B8-12F7-6CDE00B0BACA}"/>
              </a:ext>
            </a:extLst>
          </p:cNvPr>
          <p:cNvSpPr>
            <a:spLocks noGrp="1"/>
          </p:cNvSpPr>
          <p:nvPr>
            <p:ph type="body" sz="quarter" idx="52" hasCustomPrompt="1"/>
          </p:nvPr>
        </p:nvSpPr>
        <p:spPr>
          <a:xfrm>
            <a:off x="9780977" y="5695526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itel</a:t>
            </a:r>
          </a:p>
        </p:txBody>
      </p:sp>
      <p:sp>
        <p:nvSpPr>
          <p:cNvPr id="63" name="Pladsholder til tekst telefon">
            <a:extLst>
              <a:ext uri="{FF2B5EF4-FFF2-40B4-BE49-F238E27FC236}">
                <a16:creationId xmlns:a16="http://schemas.microsoft.com/office/drawing/2014/main" id="{5EDB1C35-FE4F-EE6B-663C-12899B61B1BB}"/>
              </a:ext>
            </a:extLst>
          </p:cNvPr>
          <p:cNvSpPr>
            <a:spLocks noGrp="1"/>
          </p:cNvSpPr>
          <p:nvPr>
            <p:ph type="body" sz="quarter" idx="53" hasCustomPrompt="1"/>
          </p:nvPr>
        </p:nvSpPr>
        <p:spPr>
          <a:xfrm>
            <a:off x="9780977" y="584335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telefon nr.</a:t>
            </a:r>
          </a:p>
        </p:txBody>
      </p:sp>
      <p:sp>
        <p:nvSpPr>
          <p:cNvPr id="64" name="Pladsholder til tekst email">
            <a:extLst>
              <a:ext uri="{FF2B5EF4-FFF2-40B4-BE49-F238E27FC236}">
                <a16:creationId xmlns:a16="http://schemas.microsoft.com/office/drawing/2014/main" id="{5DAD35C9-BE12-B632-7CB3-900FC3DCE595}"/>
              </a:ext>
            </a:extLst>
          </p:cNvPr>
          <p:cNvSpPr>
            <a:spLocks noGrp="1"/>
          </p:cNvSpPr>
          <p:nvPr>
            <p:ph type="body" sz="quarter" idx="54" hasCustomPrompt="1"/>
          </p:nvPr>
        </p:nvSpPr>
        <p:spPr>
          <a:xfrm>
            <a:off x="9780977" y="5983363"/>
            <a:ext cx="1774800" cy="180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1100" b="0"/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1100" b="0"/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100" b="0"/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1100" b="0"/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1100" b="0"/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1100" b="0"/>
            </a:lvl9pPr>
          </a:lstStyle>
          <a:p>
            <a:pPr lvl="0"/>
            <a:r>
              <a:rPr lang="da-DK" noProof="0" dirty="0"/>
              <a:t>Klik for at indsætte e-mail</a:t>
            </a:r>
          </a:p>
        </p:txBody>
      </p:sp>
    </p:spTree>
    <p:extLst>
      <p:ext uri="{BB962C8B-B14F-4D97-AF65-F5344CB8AC3E}">
        <p14:creationId xmlns:p14="http://schemas.microsoft.com/office/powerpoint/2010/main" val="302697053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4854BEB-E42B-41CA-9C2A-29C2A5ED8DE1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5" name="Billede 4" descr="Et billede, der indeholder tekst, skærmbillede, Font/skrifttype, Grafik&#10;&#10;Automatisk genereret beskrivelse" hidden="1">
            <a:extLst>
              <a:ext uri="{FF2B5EF4-FFF2-40B4-BE49-F238E27FC236}">
                <a16:creationId xmlns:a16="http://schemas.microsoft.com/office/drawing/2014/main" id="{ADCC5258-33C0-3757-42A9-281F183866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28"/>
            <a:ext cx="12192000" cy="6857143"/>
          </a:xfrm>
          <a:prstGeom prst="rect">
            <a:avLst/>
          </a:prstGeom>
        </p:spPr>
      </p:pic>
      <p:sp>
        <p:nvSpPr>
          <p:cNvPr id="14" name="Titel">
            <a:extLst>
              <a:ext uri="{FF2B5EF4-FFF2-40B4-BE49-F238E27FC236}">
                <a16:creationId xmlns:a16="http://schemas.microsoft.com/office/drawing/2014/main" id="{C44909EA-9C54-585A-B2CB-48ABD86659D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799" y="1944000"/>
            <a:ext cx="11153913" cy="2811462"/>
          </a:xfrm>
          <a:custGeom>
            <a:avLst/>
            <a:gdLst>
              <a:gd name="connsiteX0" fmla="*/ 0 w 11113200"/>
              <a:gd name="connsiteY0" fmla="*/ 0 h 2811462"/>
              <a:gd name="connsiteX1" fmla="*/ 336616 w 11113200"/>
              <a:gd name="connsiteY1" fmla="*/ 0 h 2811462"/>
              <a:gd name="connsiteX2" fmla="*/ 928687 w 11113200"/>
              <a:gd name="connsiteY2" fmla="*/ 0 h 2811462"/>
              <a:gd name="connsiteX3" fmla="*/ 10776584 w 11113200"/>
              <a:gd name="connsiteY3" fmla="*/ 0 h 2811462"/>
              <a:gd name="connsiteX4" fmla="*/ 11113200 w 11113200"/>
              <a:gd name="connsiteY4" fmla="*/ 336616 h 2811462"/>
              <a:gd name="connsiteX5" fmla="*/ 11113200 w 11113200"/>
              <a:gd name="connsiteY5" fmla="*/ 2474846 h 2811462"/>
              <a:gd name="connsiteX6" fmla="*/ 10776584 w 11113200"/>
              <a:gd name="connsiteY6" fmla="*/ 2811462 h 2811462"/>
              <a:gd name="connsiteX7" fmla="*/ 336616 w 11113200"/>
              <a:gd name="connsiteY7" fmla="*/ 2811462 h 2811462"/>
              <a:gd name="connsiteX8" fmla="*/ 0 w 11113200"/>
              <a:gd name="connsiteY8" fmla="*/ 2474846 h 2811462"/>
              <a:gd name="connsiteX9" fmla="*/ 0 w 11113200"/>
              <a:gd name="connsiteY9" fmla="*/ 855406 h 2811462"/>
              <a:gd name="connsiteX10" fmla="*/ 0 w 11113200"/>
              <a:gd name="connsiteY10" fmla="*/ 336616 h 28114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1113200" h="2811462">
                <a:moveTo>
                  <a:pt x="0" y="0"/>
                </a:moveTo>
                <a:lnTo>
                  <a:pt x="336616" y="0"/>
                </a:lnTo>
                <a:lnTo>
                  <a:pt x="928687" y="0"/>
                </a:lnTo>
                <a:lnTo>
                  <a:pt x="10776584" y="0"/>
                </a:lnTo>
                <a:cubicBezTo>
                  <a:pt x="10962492" y="0"/>
                  <a:pt x="11113200" y="150708"/>
                  <a:pt x="11113200" y="336616"/>
                </a:cubicBezTo>
                <a:lnTo>
                  <a:pt x="11113200" y="2474846"/>
                </a:lnTo>
                <a:cubicBezTo>
                  <a:pt x="11113200" y="2660754"/>
                  <a:pt x="10962492" y="2811462"/>
                  <a:pt x="10776584" y="2811462"/>
                </a:cubicBezTo>
                <a:lnTo>
                  <a:pt x="336616" y="2811462"/>
                </a:lnTo>
                <a:cubicBezTo>
                  <a:pt x="150708" y="2811462"/>
                  <a:pt x="0" y="2660754"/>
                  <a:pt x="0" y="2474846"/>
                </a:cubicBezTo>
                <a:lnTo>
                  <a:pt x="0" y="855406"/>
                </a:lnTo>
                <a:lnTo>
                  <a:pt x="0" y="336616"/>
                </a:lnTo>
                <a:close/>
              </a:path>
            </a:pathLst>
          </a:custGeom>
          <a:ln w="15875">
            <a:solidFill>
              <a:schemeClr val="accent1"/>
            </a:solidFill>
          </a:ln>
        </p:spPr>
        <p:txBody>
          <a:bodyPr wrap="square" lIns="360000" tIns="324000" rIns="360000" bIns="360000" anchor="ctr" anchorCtr="0">
            <a:noAutofit/>
          </a:bodyPr>
          <a:lstStyle>
            <a:lvl1pPr algn="ctr">
              <a:lnSpc>
                <a:spcPct val="100000"/>
              </a:lnSpc>
              <a:defRPr sz="9600" b="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og tilføj titel</a:t>
            </a:r>
          </a:p>
        </p:txBody>
      </p:sp>
    </p:spTree>
    <p:extLst>
      <p:ext uri="{BB962C8B-B14F-4D97-AF65-F5344CB8AC3E}">
        <p14:creationId xmlns:p14="http://schemas.microsoft.com/office/powerpoint/2010/main" val="38392517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B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extBox 16">
            <a:extLst>
              <a:ext uri="{FF2B5EF4-FFF2-40B4-BE49-F238E27FC236}">
                <a16:creationId xmlns:a16="http://schemas.microsoft.com/office/drawing/2014/main" id="{7D0A1319-0B5E-A282-88DF-73052973A3E0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id="{EFD08B09-ECAF-2DC3-10D0-D8A84F43E31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ltGray">
          <a:xfrm>
            <a:off x="388800" y="388800"/>
            <a:ext cx="11415600" cy="2664000"/>
          </a:xfrm>
          <a:custGeom>
            <a:avLst/>
            <a:gdLst>
              <a:gd name="connsiteX0" fmla="*/ 268957 w 11415600"/>
              <a:gd name="connsiteY0" fmla="*/ 0 h 2664000"/>
              <a:gd name="connsiteX1" fmla="*/ 11146643 w 11415600"/>
              <a:gd name="connsiteY1" fmla="*/ 0 h 2664000"/>
              <a:gd name="connsiteX2" fmla="*/ 11415600 w 11415600"/>
              <a:gd name="connsiteY2" fmla="*/ 268957 h 2664000"/>
              <a:gd name="connsiteX3" fmla="*/ 11415600 w 11415600"/>
              <a:gd name="connsiteY3" fmla="*/ 1274000 h 2664000"/>
              <a:gd name="connsiteX4" fmla="*/ 11415600 w 11415600"/>
              <a:gd name="connsiteY4" fmla="*/ 2395043 h 2664000"/>
              <a:gd name="connsiteX5" fmla="*/ 11415600 w 11415600"/>
              <a:gd name="connsiteY5" fmla="*/ 2664000 h 2664000"/>
              <a:gd name="connsiteX6" fmla="*/ 11146643 w 11415600"/>
              <a:gd name="connsiteY6" fmla="*/ 2664000 h 2664000"/>
              <a:gd name="connsiteX7" fmla="*/ 10025600 w 11415600"/>
              <a:gd name="connsiteY7" fmla="*/ 2664000 h 2664000"/>
              <a:gd name="connsiteX8" fmla="*/ 268957 w 11415600"/>
              <a:gd name="connsiteY8" fmla="*/ 2664000 h 2664000"/>
              <a:gd name="connsiteX9" fmla="*/ 0 w 11415600"/>
              <a:gd name="connsiteY9" fmla="*/ 2395043 h 2664000"/>
              <a:gd name="connsiteX10" fmla="*/ 0 w 11415600"/>
              <a:gd name="connsiteY10" fmla="*/ 268957 h 2664000"/>
              <a:gd name="connsiteX11" fmla="*/ 268957 w 11415600"/>
              <a:gd name="connsiteY11" fmla="*/ 0 h 266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1415600" h="2664000">
                <a:moveTo>
                  <a:pt x="268957" y="0"/>
                </a:moveTo>
                <a:lnTo>
                  <a:pt x="11146643" y="0"/>
                </a:lnTo>
                <a:cubicBezTo>
                  <a:pt x="11295184" y="0"/>
                  <a:pt x="11415600" y="120416"/>
                  <a:pt x="11415600" y="268957"/>
                </a:cubicBezTo>
                <a:lnTo>
                  <a:pt x="11415600" y="1274000"/>
                </a:lnTo>
                <a:lnTo>
                  <a:pt x="11415600" y="2395043"/>
                </a:lnTo>
                <a:lnTo>
                  <a:pt x="11415600" y="2664000"/>
                </a:lnTo>
                <a:lnTo>
                  <a:pt x="11146643" y="2664000"/>
                </a:lnTo>
                <a:lnTo>
                  <a:pt x="10025600" y="2664000"/>
                </a:lnTo>
                <a:lnTo>
                  <a:pt x="268957" y="2664000"/>
                </a:lnTo>
                <a:cubicBezTo>
                  <a:pt x="120416" y="2664000"/>
                  <a:pt x="0" y="2543584"/>
                  <a:pt x="0" y="2395043"/>
                </a:cubicBezTo>
                <a:lnTo>
                  <a:pt x="0" y="268957"/>
                </a:lnTo>
                <a:cubicBezTo>
                  <a:pt x="0" y="120416"/>
                  <a:pt x="120416" y="0"/>
                  <a:pt x="268957" y="0"/>
                </a:cubicBezTo>
                <a:close/>
              </a:path>
            </a:pathLst>
          </a:custGeom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0" name="Navne kasse">
            <a:extLst>
              <a:ext uri="{FF2B5EF4-FFF2-40B4-BE49-F238E27FC236}">
                <a16:creationId xmlns:a16="http://schemas.microsoft.com/office/drawing/2014/main" id="{6A4A735E-41FE-6B84-92C6-0CF66EC8241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ltGray">
          <a:xfrm>
            <a:off x="388800" y="3181117"/>
            <a:ext cx="3431451" cy="1130401"/>
          </a:xfrm>
          <a:custGeom>
            <a:avLst/>
            <a:gdLst>
              <a:gd name="connsiteX0" fmla="*/ 0 w 3431451"/>
              <a:gd name="connsiteY0" fmla="*/ 0 h 1130401"/>
              <a:gd name="connsiteX1" fmla="*/ 309398 w 3431451"/>
              <a:gd name="connsiteY1" fmla="*/ 0 h 1130401"/>
              <a:gd name="connsiteX2" fmla="*/ 360803 w 3431451"/>
              <a:gd name="connsiteY2" fmla="*/ 0 h 1130401"/>
              <a:gd name="connsiteX3" fmla="*/ 1784429 w 3431451"/>
              <a:gd name="connsiteY3" fmla="*/ 0 h 1130401"/>
              <a:gd name="connsiteX4" fmla="*/ 1984561 w 3431451"/>
              <a:gd name="connsiteY4" fmla="*/ 0 h 1130401"/>
              <a:gd name="connsiteX5" fmla="*/ 2864082 w 3431451"/>
              <a:gd name="connsiteY5" fmla="*/ 0 h 1130401"/>
              <a:gd name="connsiteX6" fmla="*/ 2864082 w 3431451"/>
              <a:gd name="connsiteY6" fmla="*/ 220 h 1130401"/>
              <a:gd name="connsiteX7" fmla="*/ 2866251 w 3431451"/>
              <a:gd name="connsiteY7" fmla="*/ 1 h 1130401"/>
              <a:gd name="connsiteX8" fmla="*/ 3431451 w 3431451"/>
              <a:gd name="connsiteY8" fmla="*/ 565201 h 1130401"/>
              <a:gd name="connsiteX9" fmla="*/ 2866251 w 3431451"/>
              <a:gd name="connsiteY9" fmla="*/ 1130401 h 1130401"/>
              <a:gd name="connsiteX10" fmla="*/ 2864082 w 3431451"/>
              <a:gd name="connsiteY10" fmla="*/ 1130183 h 1130401"/>
              <a:gd name="connsiteX11" fmla="*/ 2864082 w 3431451"/>
              <a:gd name="connsiteY11" fmla="*/ 1130400 h 1130401"/>
              <a:gd name="connsiteX12" fmla="*/ 1784429 w 3431451"/>
              <a:gd name="connsiteY12" fmla="*/ 1130400 h 1130401"/>
              <a:gd name="connsiteX13" fmla="*/ 1784429 w 3431451"/>
              <a:gd name="connsiteY13" fmla="*/ 1129231 h 1130401"/>
              <a:gd name="connsiteX14" fmla="*/ 309398 w 3431451"/>
              <a:gd name="connsiteY14" fmla="*/ 1129231 h 1130401"/>
              <a:gd name="connsiteX15" fmla="*/ 0 w 3431451"/>
              <a:gd name="connsiteY15" fmla="*/ 819833 h 1130401"/>
              <a:gd name="connsiteX16" fmla="*/ 0 w 3431451"/>
              <a:gd name="connsiteY16" fmla="*/ 360803 h 1130401"/>
              <a:gd name="connsiteX17" fmla="*/ 0 w 3431451"/>
              <a:gd name="connsiteY17" fmla="*/ 309398 h 11304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431451" h="1130401">
                <a:moveTo>
                  <a:pt x="0" y="0"/>
                </a:moveTo>
                <a:lnTo>
                  <a:pt x="309398" y="0"/>
                </a:lnTo>
                <a:lnTo>
                  <a:pt x="360803" y="0"/>
                </a:lnTo>
                <a:lnTo>
                  <a:pt x="1784429" y="0"/>
                </a:lnTo>
                <a:lnTo>
                  <a:pt x="1984561" y="0"/>
                </a:lnTo>
                <a:lnTo>
                  <a:pt x="2864082" y="0"/>
                </a:lnTo>
                <a:lnTo>
                  <a:pt x="2864082" y="220"/>
                </a:lnTo>
                <a:lnTo>
                  <a:pt x="2866251" y="1"/>
                </a:lnTo>
                <a:cubicBezTo>
                  <a:pt x="3178402" y="1"/>
                  <a:pt x="3431451" y="253050"/>
                  <a:pt x="3431451" y="565201"/>
                </a:cubicBezTo>
                <a:cubicBezTo>
                  <a:pt x="3431451" y="877352"/>
                  <a:pt x="3178402" y="1130401"/>
                  <a:pt x="2866251" y="1130401"/>
                </a:cubicBezTo>
                <a:lnTo>
                  <a:pt x="2864082" y="1130183"/>
                </a:lnTo>
                <a:lnTo>
                  <a:pt x="2864082" y="1130400"/>
                </a:lnTo>
                <a:lnTo>
                  <a:pt x="1784429" y="1130400"/>
                </a:lnTo>
                <a:lnTo>
                  <a:pt x="1784429" y="1129231"/>
                </a:lnTo>
                <a:lnTo>
                  <a:pt x="309398" y="1129231"/>
                </a:lnTo>
                <a:cubicBezTo>
                  <a:pt x="138522" y="1129231"/>
                  <a:pt x="0" y="990709"/>
                  <a:pt x="0" y="819833"/>
                </a:cubicBezTo>
                <a:lnTo>
                  <a:pt x="0" y="360803"/>
                </a:lnTo>
                <a:lnTo>
                  <a:pt x="0" y="309398"/>
                </a:lnTo>
                <a:close/>
              </a:path>
            </a:pathLst>
          </a:custGeom>
          <a:solidFill>
            <a:schemeClr val="accent2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8000" y="647999"/>
            <a:ext cx="10742076" cy="1908000"/>
          </a:xfrm>
        </p:spPr>
        <p:txBody>
          <a:bodyPr anchor="t" anchorCtr="0"/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re linjer</a:t>
            </a:r>
          </a:p>
        </p:txBody>
      </p:sp>
      <p:sp>
        <p:nvSpPr>
          <p:cNvPr id="22" name="Pladsholder til tekst navn">
            <a:extLst>
              <a:ext uri="{FF2B5EF4-FFF2-40B4-BE49-F238E27FC236}">
                <a16:creationId xmlns:a16="http://schemas.microsoft.com/office/drawing/2014/main" id="{C3269FE8-18B8-3459-CA89-40A0E170E06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3292346"/>
            <a:ext cx="278640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rgbClr val="38025C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fornavn</a:t>
            </a:r>
          </a:p>
        </p:txBody>
      </p:sp>
      <p:sp>
        <p:nvSpPr>
          <p:cNvPr id="23" name="Pladsholder til tekst efternavn">
            <a:extLst>
              <a:ext uri="{FF2B5EF4-FFF2-40B4-BE49-F238E27FC236}">
                <a16:creationId xmlns:a16="http://schemas.microsoft.com/office/drawing/2014/main" id="{AD574D64-8CDB-3935-F699-5029DE27233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000" y="3578598"/>
            <a:ext cx="278735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rgbClr val="38025C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efternavn</a:t>
            </a:r>
          </a:p>
        </p:txBody>
      </p:sp>
      <p:sp>
        <p:nvSpPr>
          <p:cNvPr id="24" name="Date Placeholder 6">
            <a:extLst>
              <a:ext uri="{FF2B5EF4-FFF2-40B4-BE49-F238E27FC236}">
                <a16:creationId xmlns:a16="http://schemas.microsoft.com/office/drawing/2014/main" id="{BC3454EA-FB5D-610A-B68A-406536AE903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648000" y="3872772"/>
            <a:ext cx="2786400" cy="324000"/>
          </a:xfrm>
          <a:prstGeom prst="rect">
            <a:avLst/>
          </a:prstGeom>
        </p:spPr>
        <p:txBody>
          <a:bodyPr anchor="t" anchorCtr="0"/>
          <a:lstStyle>
            <a:lvl1pPr algn="l">
              <a:defRPr sz="2000">
                <a:solidFill>
                  <a:srgbClr val="38025C"/>
                </a:solidFill>
              </a:defRPr>
            </a:lvl1pPr>
          </a:lstStyle>
          <a:p>
            <a:fld id="{395073DB-E2B7-4A43-8E2E-87C86606DD17}" type="datetime2">
              <a:rPr lang="da-DK" smtClean="0"/>
              <a:pPr/>
              <a:t>23. september 2025</a:t>
            </a:fld>
            <a:endParaRPr lang="da-DK" dirty="0"/>
          </a:p>
        </p:txBody>
      </p:sp>
      <p:pic>
        <p:nvPicPr>
          <p:cNvPr id="6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384CC650-DBD6-B59D-1F66-9177D064316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1644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sldNum="0" hdr="0" ftr="0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DCBCB9-EF2E-470C-9EE7-EF220DB3612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41AAE7BC-9CE9-8428-7088-3A1B95E44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B7080B-A33B-4641-8B4F-80303CCAA72E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3C931EAA-DE0A-C464-7790-14511D2359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 hidden="1">
            <a:extLst>
              <a:ext uri="{FF2B5EF4-FFF2-40B4-BE49-F238E27FC236}">
                <a16:creationId xmlns:a16="http://schemas.microsoft.com/office/drawing/2014/main" id="{8D0BC6D1-031B-BA63-1BDA-490CF8522F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3859484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hvid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DCBCB9-EF2E-470C-9EE7-EF220DB3612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443992CA-9B9C-E98F-9158-21A1E13D4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389154-4CF1-4174-B8D6-25ABA5D8CB34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6E3D451E-3DC3-BEA9-5353-74353F073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 hidden="1">
            <a:extLst>
              <a:ext uri="{FF2B5EF4-FFF2-40B4-BE49-F238E27FC236}">
                <a16:creationId xmlns:a16="http://schemas.microsoft.com/office/drawing/2014/main" id="{E73EC7A4-7B62-48FD-120C-CF5D0EBAA0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undertitel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DCBCB9-EF2E-470C-9EE7-EF220DB3612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204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E69654E-8990-E473-756B-16C7AD7D880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6B04E191-15FC-79B1-0C57-DA7373BCFCA1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F52769B8-46DD-439F-B943-03C6F320319F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9344B964-0F17-0DA7-F003-EDF58C805E1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 hidden="1">
            <a:extLst>
              <a:ext uri="{FF2B5EF4-FFF2-40B4-BE49-F238E27FC236}">
                <a16:creationId xmlns:a16="http://schemas.microsoft.com/office/drawing/2014/main" id="{968F98C7-5451-B927-5566-D4FF21E24C7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552423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undertitel hvid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DCBCB9-EF2E-470C-9EE7-EF220DB3612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7200" cy="5331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– max. en linj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CE971E7-E9A6-5F46-76A9-6772A8A8245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8000" y="1184400"/>
            <a:ext cx="1089720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for at indsætte undertitel</a:t>
            </a:r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AD7DC154-B3C3-53BC-1D63-20E5281D509A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B544925F-5445-4B8E-9D16-CB89C0D77AC9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704AB3EB-C0A9-4AE3-DF38-0724801F353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slidenummer 8" hidden="1">
            <a:extLst>
              <a:ext uri="{FF2B5EF4-FFF2-40B4-BE49-F238E27FC236}">
                <a16:creationId xmlns:a16="http://schemas.microsoft.com/office/drawing/2014/main" id="{7D141EC6-70F0-0B33-1F49-71B8218C787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1443733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33BEAC99-3DAC-D9E3-DF78-D2F7FB58E7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0D9943-4D8B-4B23-B45B-B6E91346180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:a16="http://schemas.microsoft.com/office/drawing/2014/main" id="{67DA998F-68C7-DCA0-13A0-77764713E3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 hidden="1">
            <a:extLst>
              <a:ext uri="{FF2B5EF4-FFF2-40B4-BE49-F238E27FC236}">
                <a16:creationId xmlns:a16="http://schemas.microsoft.com/office/drawing/2014/main" id="{04139E55-3E63-075F-7F4B-1FD22A4E24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hvid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74DC9480-EE91-3432-4F0A-318F175FB1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10FFE0-28BF-49CC-8C5D-986A87AEEC93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:a16="http://schemas.microsoft.com/office/drawing/2014/main" id="{12DB7BA1-03F5-06D0-E1AA-1FCBE804A9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 hidden="1">
            <a:extLst>
              <a:ext uri="{FF2B5EF4-FFF2-40B4-BE49-F238E27FC236}">
                <a16:creationId xmlns:a16="http://schemas.microsoft.com/office/drawing/2014/main" id="{3C4564E3-4D4A-8A2A-0722-87B91F841F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56418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B7367D3-674B-48D7-95F9-EAC3851C3AF4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ext Box 3">
            <a:extLst>
              <a:ext uri="{FF2B5EF4-FFF2-40B4-BE49-F238E27FC236}">
                <a16:creationId xmlns:a16="http://schemas.microsoft.com/office/drawing/2014/main" id="{568FD9F8-7382-3BB1-E4DA-EF098D67DE3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540902" y="1166821"/>
            <a:ext cx="1678119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altLang="da-DK" sz="12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 </a:t>
            </a:r>
            <a:r>
              <a:rPr lang="da-DK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Når din præsentation er klar, åbner du en tom præsentation (tryk Ctrl+N). Kopier alle dias fra den nye præsentation, indsæt dem i den tomme præsentation. Dette vil sikre, at der ikke er ekstra layouts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b="0" kern="120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Farver</a:t>
            </a:r>
            <a:br>
              <a:rPr lang="da-DK" sz="12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da-DK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Brug kun de øverste farver i Temafarver og jeres Bruger-definerede farver</a:t>
            </a:r>
            <a:endParaRPr lang="da-DK" altLang="da-DK" sz="673" b="0" kern="1200" noProof="1">
              <a:solidFill>
                <a:schemeClr val="tx1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9" name="Text Box 3">
            <a:extLst>
              <a:ext uri="{FF2B5EF4-FFF2-40B4-BE49-F238E27FC236}">
                <a16:creationId xmlns:a16="http://schemas.microsoft.com/office/drawing/2014/main" id="{B11F7A6F-088A-FC38-D8CA-09B99F42C33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14300" y="1209600"/>
            <a:ext cx="2016000" cy="50212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1600" dirty="0"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, hvis Templafy vinduet ikke er i højre side.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billedepladsholder ved at klikke på rammen (helt ude i kanten)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r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kan søge efter billeder i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øge felte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 fra andre steder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 dirty="0"/>
          </a:p>
        </p:txBody>
      </p:sp>
      <p:sp>
        <p:nvSpPr>
          <p:cNvPr id="10" name="Text Box 3">
            <a:extLst>
              <a:ext uri="{FF2B5EF4-FFF2-40B4-BE49-F238E27FC236}">
                <a16:creationId xmlns:a16="http://schemas.microsoft.com/office/drawing/2014/main" id="{911320DA-CD5F-674B-6AE0-27EE25CD8C8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559058" y="1209600"/>
            <a:ext cx="1883535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0" kern="1200" baseline="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Indsæt prædefineret slides og slideselementer fra Templafy knappen. Vælg Slides og Slide elements fra dropdown menuen eller knapperne i Templafy vinduet i højre side af skærmen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da-DK" sz="120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2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t enkelt slide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1200" kern="120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HJÆLPELINJER</a:t>
            </a:r>
            <a:endParaRPr lang="da-DK" altLang="da-DK" sz="1200" kern="1200" noProof="1">
              <a:solidFill>
                <a:schemeClr val="tx1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da-DK" sz="900" b="0" i="0" dirty="0">
                <a:solidFill>
                  <a:srgbClr val="333333"/>
                </a:solidFill>
                <a:effectLst/>
                <a:latin typeface="Arial"/>
              </a:rPr>
              <a:t>⌘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1" name="Text Box 2">
            <a:extLst>
              <a:ext uri="{FF2B5EF4-FFF2-40B4-BE49-F238E27FC236}">
                <a16:creationId xmlns:a16="http://schemas.microsoft.com/office/drawing/2014/main" id="{046033EE-C9B4-1990-C42B-9397C107EF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57735" y="1209600"/>
            <a:ext cx="1859179" cy="49250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2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br>
              <a:rPr 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ætte korrekt bullet igen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sz="1200" dirty="0">
                <a:latin typeface="+mn-lt"/>
                <a:cs typeface="Arial" panose="020B0604020202020204" pitchFamily="34" charset="0"/>
              </a:rPr>
            </a:b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t indsætte nyt slide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 dirty="0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endParaRPr lang="da-DK" dirty="0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-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82D09ABA-46E9-2EAB-1CC9-362F41D47A6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48074" y="3933919"/>
            <a:ext cx="308589" cy="528030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B412C8C2-D661-A62C-CC02-CB19DBBF6D2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031"/>
          <a:stretch/>
        </p:blipFill>
        <p:spPr>
          <a:xfrm>
            <a:off x="2654040" y="5512534"/>
            <a:ext cx="496606" cy="172842"/>
          </a:xfrm>
          <a:prstGeom prst="rect">
            <a:avLst/>
          </a:prstGeom>
        </p:spPr>
      </p:pic>
      <p:pic>
        <p:nvPicPr>
          <p:cNvPr id="15" name="Picture 33">
            <a:extLst>
              <a:ext uri="{FF2B5EF4-FFF2-40B4-BE49-F238E27FC236}">
                <a16:creationId xmlns:a16="http://schemas.microsoft.com/office/drawing/2014/main" id="{66CE6200-470B-B94B-92C1-09333B3794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3901" t="45142" r="62601" b="9046"/>
          <a:stretch/>
        </p:blipFill>
        <p:spPr>
          <a:xfrm>
            <a:off x="5653432" y="3638578"/>
            <a:ext cx="341204" cy="321707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57F8E778-FA94-C464-F2DE-AD49BEC4C46D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679590" y="4501858"/>
            <a:ext cx="366043" cy="480431"/>
          </a:xfrm>
          <a:prstGeom prst="rect">
            <a:avLst/>
          </a:prstGeom>
        </p:spPr>
      </p:pic>
      <p:sp>
        <p:nvSpPr>
          <p:cNvPr id="17" name="Fast overskrift">
            <a:extLst>
              <a:ext uri="{FF2B5EF4-FFF2-40B4-BE49-F238E27FC236}">
                <a16:creationId xmlns:a16="http://schemas.microsoft.com/office/drawing/2014/main" id="{ED54B34D-FE13-7F06-4D15-FE30FDBFFAD1}"/>
              </a:ext>
            </a:extLst>
          </p:cNvPr>
          <p:cNvSpPr txBox="1"/>
          <p:nvPr userDrawn="1"/>
        </p:nvSpPr>
        <p:spPr>
          <a:xfrm>
            <a:off x="647700" y="448713"/>
            <a:ext cx="1089501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 dirty="0"/>
          </a:p>
        </p:txBody>
      </p:sp>
      <p:pic>
        <p:nvPicPr>
          <p:cNvPr id="18" name="Billede 17">
            <a:extLst>
              <a:ext uri="{FF2B5EF4-FFF2-40B4-BE49-F238E27FC236}">
                <a16:creationId xmlns:a16="http://schemas.microsoft.com/office/drawing/2014/main" id="{116A7F14-DA1D-3132-1DFB-E0DFECB127F3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570357" y="3649190"/>
            <a:ext cx="440195" cy="543366"/>
          </a:xfrm>
          <a:prstGeom prst="rect">
            <a:avLst/>
          </a:prstGeom>
        </p:spPr>
      </p:pic>
      <p:grpSp>
        <p:nvGrpSpPr>
          <p:cNvPr id="19" name="Group 1">
            <a:extLst>
              <a:ext uri="{FF2B5EF4-FFF2-40B4-BE49-F238E27FC236}">
                <a16:creationId xmlns:a16="http://schemas.microsoft.com/office/drawing/2014/main" id="{CB292B6F-9509-350B-834A-400AD5D55145}"/>
              </a:ext>
            </a:extLst>
          </p:cNvPr>
          <p:cNvGrpSpPr/>
          <p:nvPr userDrawn="1"/>
        </p:nvGrpSpPr>
        <p:grpSpPr>
          <a:xfrm>
            <a:off x="5625443" y="1602450"/>
            <a:ext cx="473069" cy="697509"/>
            <a:chOff x="5582343" y="1833040"/>
            <a:chExt cx="676669" cy="997704"/>
          </a:xfrm>
        </p:grpSpPr>
        <p:pic>
          <p:nvPicPr>
            <p:cNvPr id="20" name="Billede 26">
              <a:extLst>
                <a:ext uri="{FF2B5EF4-FFF2-40B4-BE49-F238E27FC236}">
                  <a16:creationId xmlns:a16="http://schemas.microsoft.com/office/drawing/2014/main" id="{B9B32A5B-0148-38D7-0B10-65EDF226DBE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/>
            <a:stretch>
              <a:fillRect/>
            </a:stretch>
          </p:blipFill>
          <p:spPr>
            <a:xfrm>
              <a:off x="5582343" y="1833040"/>
              <a:ext cx="305786" cy="365851"/>
            </a:xfrm>
            <a:prstGeom prst="rect">
              <a:avLst/>
            </a:prstGeom>
          </p:spPr>
        </p:pic>
        <p:pic>
          <p:nvPicPr>
            <p:cNvPr id="21" name="Billede 37">
              <a:extLst>
                <a:ext uri="{FF2B5EF4-FFF2-40B4-BE49-F238E27FC236}">
                  <a16:creationId xmlns:a16="http://schemas.microsoft.com/office/drawing/2014/main" id="{52AFAD94-7AF4-F5F5-4493-89D9D4706787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8"/>
            <a:srcRect l="1432" t="16308" r="2422" b="1509"/>
            <a:stretch/>
          </p:blipFill>
          <p:spPr>
            <a:xfrm>
              <a:off x="5584159" y="2202255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24" name="Picture 2" descr="C:\Users\MAV~1.SKA\AppData\Local\Temp\SNAGHTMLe48c1e.PNG">
            <a:extLst>
              <a:ext uri="{FF2B5EF4-FFF2-40B4-BE49-F238E27FC236}">
                <a16:creationId xmlns:a16="http://schemas.microsoft.com/office/drawing/2014/main" id="{1C42B114-65E3-B91E-A803-3C8991BA110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59732" y="1602450"/>
            <a:ext cx="514799" cy="7702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9">
            <a:extLst>
              <a:ext uri="{FF2B5EF4-FFF2-40B4-BE49-F238E27FC236}">
                <a16:creationId xmlns:a16="http://schemas.microsoft.com/office/drawing/2014/main" id="{31A52162-9A87-0E22-6338-9F3F1B1D63FF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687184" y="2430525"/>
            <a:ext cx="457143" cy="257143"/>
          </a:xfrm>
          <a:prstGeom prst="rect">
            <a:avLst/>
          </a:prstGeom>
        </p:spPr>
      </p:pic>
      <p:pic>
        <p:nvPicPr>
          <p:cNvPr id="27" name="Picture 64">
            <a:extLst>
              <a:ext uri="{FF2B5EF4-FFF2-40B4-BE49-F238E27FC236}">
                <a16:creationId xmlns:a16="http://schemas.microsoft.com/office/drawing/2014/main" id="{2643CFC0-FE9F-1E1C-B667-C585DF839B0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679156" y="4742074"/>
            <a:ext cx="475428" cy="176762"/>
          </a:xfrm>
          <a:prstGeom prst="rect">
            <a:avLst/>
          </a:prstGeom>
        </p:spPr>
      </p:pic>
      <p:pic>
        <p:nvPicPr>
          <p:cNvPr id="29" name="Picture 2">
            <a:extLst>
              <a:ext uri="{FF2B5EF4-FFF2-40B4-BE49-F238E27FC236}">
                <a16:creationId xmlns:a16="http://schemas.microsoft.com/office/drawing/2014/main" id="{028DF4AA-A5A9-BA4A-BD41-D16AF99D3B59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2748075" y="3050416"/>
            <a:ext cx="311940" cy="346599"/>
          </a:xfrm>
          <a:prstGeom prst="rect">
            <a:avLst/>
          </a:prstGeom>
        </p:spPr>
      </p:pic>
      <p:grpSp>
        <p:nvGrpSpPr>
          <p:cNvPr id="32" name="Gruppe 31">
            <a:extLst>
              <a:ext uri="{FF2B5EF4-FFF2-40B4-BE49-F238E27FC236}">
                <a16:creationId xmlns:a16="http://schemas.microsoft.com/office/drawing/2014/main" id="{FC2F6961-00D3-F436-E8B5-D223D62AA745}"/>
              </a:ext>
            </a:extLst>
          </p:cNvPr>
          <p:cNvGrpSpPr/>
          <p:nvPr userDrawn="1"/>
        </p:nvGrpSpPr>
        <p:grpSpPr>
          <a:xfrm>
            <a:off x="9570057" y="4830455"/>
            <a:ext cx="927343" cy="1578832"/>
            <a:chOff x="9563003" y="4406283"/>
            <a:chExt cx="1014851" cy="1727817"/>
          </a:xfrm>
        </p:grpSpPr>
        <p:pic>
          <p:nvPicPr>
            <p:cNvPr id="33" name="Billede 32">
              <a:extLst>
                <a:ext uri="{FF2B5EF4-FFF2-40B4-BE49-F238E27FC236}">
                  <a16:creationId xmlns:a16="http://schemas.microsoft.com/office/drawing/2014/main" id="{18222481-34D2-4B11-D683-22016351E1C2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3"/>
            <a:srcRect b="16944"/>
            <a:stretch/>
          </p:blipFill>
          <p:spPr>
            <a:xfrm>
              <a:off x="9563003" y="4406283"/>
              <a:ext cx="1002694" cy="1727817"/>
            </a:xfrm>
            <a:prstGeom prst="rect">
              <a:avLst/>
            </a:prstGeom>
          </p:spPr>
        </p:pic>
        <p:sp>
          <p:nvSpPr>
            <p:cNvPr id="35" name="Rectangle 51">
              <a:extLst>
                <a:ext uri="{FF2B5EF4-FFF2-40B4-BE49-F238E27FC236}">
                  <a16:creationId xmlns:a16="http://schemas.microsoft.com/office/drawing/2014/main" id="{BD472571-0114-1975-F595-FCA1E72B8BE9}"/>
                </a:ext>
              </a:extLst>
            </p:cNvPr>
            <p:cNvSpPr/>
            <p:nvPr userDrawn="1"/>
          </p:nvSpPr>
          <p:spPr>
            <a:xfrm>
              <a:off x="9575644" y="4569041"/>
              <a:ext cx="988783" cy="133165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796" dirty="0" err="1"/>
            </a:p>
          </p:txBody>
        </p:sp>
        <p:grpSp>
          <p:nvGrpSpPr>
            <p:cNvPr id="37" name="Gruppe 36">
              <a:extLst>
                <a:ext uri="{FF2B5EF4-FFF2-40B4-BE49-F238E27FC236}">
                  <a16:creationId xmlns:a16="http://schemas.microsoft.com/office/drawing/2014/main" id="{272AD605-6BF3-BDC0-ABA3-1D72C5FD2DB6}"/>
                </a:ext>
              </a:extLst>
            </p:cNvPr>
            <p:cNvGrpSpPr/>
            <p:nvPr userDrawn="1"/>
          </p:nvGrpSpPr>
          <p:grpSpPr>
            <a:xfrm>
              <a:off x="9584924" y="4747897"/>
              <a:ext cx="992930" cy="402799"/>
              <a:chOff x="9568024" y="4815440"/>
              <a:chExt cx="1249527" cy="506891"/>
            </a:xfrm>
          </p:grpSpPr>
          <p:cxnSp>
            <p:nvCxnSpPr>
              <p:cNvPr id="48" name="Straight Connector 52">
                <a:extLst>
                  <a:ext uri="{FF2B5EF4-FFF2-40B4-BE49-F238E27FC236}">
                    <a16:creationId xmlns:a16="http://schemas.microsoft.com/office/drawing/2014/main" id="{8193D6AB-3339-DC63-8D63-3A95A1866B39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9568024" y="4815440"/>
                <a:ext cx="1249527" cy="506891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Straight Connector 53">
                <a:extLst>
                  <a:ext uri="{FF2B5EF4-FFF2-40B4-BE49-F238E27FC236}">
                    <a16:creationId xmlns:a16="http://schemas.microsoft.com/office/drawing/2014/main" id="{AF3549FB-8B33-0992-E724-F9082308A049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9568024" y="4821266"/>
                <a:ext cx="1235300" cy="501065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40" name="Gruppe 39">
              <a:extLst>
                <a:ext uri="{FF2B5EF4-FFF2-40B4-BE49-F238E27FC236}">
                  <a16:creationId xmlns:a16="http://schemas.microsoft.com/office/drawing/2014/main" id="{F7D3E181-D486-8097-BDB1-B3B673E2F6CF}"/>
                </a:ext>
              </a:extLst>
            </p:cNvPr>
            <p:cNvGrpSpPr/>
            <p:nvPr userDrawn="1"/>
          </p:nvGrpSpPr>
          <p:grpSpPr>
            <a:xfrm>
              <a:off x="9593401" y="5998346"/>
              <a:ext cx="958854" cy="95494"/>
              <a:chOff x="9575645" y="6130879"/>
              <a:chExt cx="1232621" cy="122759"/>
            </a:xfrm>
          </p:grpSpPr>
          <p:cxnSp>
            <p:nvCxnSpPr>
              <p:cNvPr id="42" name="Straight Connector 54">
                <a:extLst>
                  <a:ext uri="{FF2B5EF4-FFF2-40B4-BE49-F238E27FC236}">
                    <a16:creationId xmlns:a16="http://schemas.microsoft.com/office/drawing/2014/main" id="{3252C7FB-A823-FDAC-5E63-A75BD9527122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9575645" y="6130879"/>
                <a:ext cx="1229914" cy="122758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Straight Connector 55">
                <a:extLst>
                  <a:ext uri="{FF2B5EF4-FFF2-40B4-BE49-F238E27FC236}">
                    <a16:creationId xmlns:a16="http://schemas.microsoft.com/office/drawing/2014/main" id="{D7A6292C-68E7-6807-502B-637FC6A83C89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9575645" y="6130880"/>
                <a:ext cx="1232621" cy="122758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1" name="Rectangle 51">
              <a:extLst>
                <a:ext uri="{FF2B5EF4-FFF2-40B4-BE49-F238E27FC236}">
                  <a16:creationId xmlns:a16="http://schemas.microsoft.com/office/drawing/2014/main" id="{27004CDE-31CC-CBE6-689B-3F1C4240BCC1}"/>
                </a:ext>
              </a:extLst>
            </p:cNvPr>
            <p:cNvSpPr/>
            <p:nvPr userDrawn="1"/>
          </p:nvSpPr>
          <p:spPr>
            <a:xfrm>
              <a:off x="9575644" y="5233387"/>
              <a:ext cx="988783" cy="575568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796" dirty="0" err="1"/>
            </a:p>
          </p:txBody>
        </p:sp>
      </p:grpSp>
      <p:cxnSp>
        <p:nvCxnSpPr>
          <p:cNvPr id="51" name="Straight Connector 8">
            <a:extLst>
              <a:ext uri="{FF2B5EF4-FFF2-40B4-BE49-F238E27FC236}">
                <a16:creationId xmlns:a16="http://schemas.microsoft.com/office/drawing/2014/main" id="{19C9CDDD-5EAD-ADDF-FC3B-220732A39D03}"/>
              </a:ext>
            </a:extLst>
          </p:cNvPr>
          <p:cNvCxnSpPr>
            <a:cxnSpLocks/>
          </p:cNvCxnSpPr>
          <p:nvPr userDrawn="1"/>
        </p:nvCxnSpPr>
        <p:spPr>
          <a:xfrm>
            <a:off x="3249649" y="1240357"/>
            <a:ext cx="0" cy="5170789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12">
            <a:extLst>
              <a:ext uri="{FF2B5EF4-FFF2-40B4-BE49-F238E27FC236}">
                <a16:creationId xmlns:a16="http://schemas.microsoft.com/office/drawing/2014/main" id="{34644ACD-A5CF-2875-4403-FDE6BA819B2A}"/>
              </a:ext>
            </a:extLst>
          </p:cNvPr>
          <p:cNvCxnSpPr>
            <a:cxnSpLocks/>
          </p:cNvCxnSpPr>
          <p:nvPr userDrawn="1"/>
        </p:nvCxnSpPr>
        <p:spPr>
          <a:xfrm>
            <a:off x="2585274" y="1240357"/>
            <a:ext cx="0" cy="5170789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14">
            <a:extLst>
              <a:ext uri="{FF2B5EF4-FFF2-40B4-BE49-F238E27FC236}">
                <a16:creationId xmlns:a16="http://schemas.microsoft.com/office/drawing/2014/main" id="{0E63BC5D-60E5-7DDF-8751-92422DB20CF1}"/>
              </a:ext>
            </a:extLst>
          </p:cNvPr>
          <p:cNvCxnSpPr>
            <a:cxnSpLocks/>
          </p:cNvCxnSpPr>
          <p:nvPr userDrawn="1"/>
        </p:nvCxnSpPr>
        <p:spPr>
          <a:xfrm>
            <a:off x="6199484" y="1240357"/>
            <a:ext cx="0" cy="5170789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15">
            <a:extLst>
              <a:ext uri="{FF2B5EF4-FFF2-40B4-BE49-F238E27FC236}">
                <a16:creationId xmlns:a16="http://schemas.microsoft.com/office/drawing/2014/main" id="{4A3A0D13-937F-28E2-9660-D0542682D199}"/>
              </a:ext>
            </a:extLst>
          </p:cNvPr>
          <p:cNvCxnSpPr>
            <a:cxnSpLocks/>
          </p:cNvCxnSpPr>
          <p:nvPr userDrawn="1"/>
        </p:nvCxnSpPr>
        <p:spPr>
          <a:xfrm>
            <a:off x="5535109" y="1240357"/>
            <a:ext cx="0" cy="5170789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68">
            <a:extLst>
              <a:ext uri="{FF2B5EF4-FFF2-40B4-BE49-F238E27FC236}">
                <a16:creationId xmlns:a16="http://schemas.microsoft.com/office/drawing/2014/main" id="{F8C253B0-449D-5967-0269-F1BA0F0779C1}"/>
              </a:ext>
            </a:extLst>
          </p:cNvPr>
          <p:cNvCxnSpPr>
            <a:cxnSpLocks/>
          </p:cNvCxnSpPr>
          <p:nvPr userDrawn="1"/>
        </p:nvCxnSpPr>
        <p:spPr>
          <a:xfrm>
            <a:off x="9149319" y="1209600"/>
            <a:ext cx="0" cy="5170789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9">
            <a:extLst>
              <a:ext uri="{FF2B5EF4-FFF2-40B4-BE49-F238E27FC236}">
                <a16:creationId xmlns:a16="http://schemas.microsoft.com/office/drawing/2014/main" id="{37457BFF-5C68-8EFE-7E9C-F5C743B63FB5}"/>
              </a:ext>
            </a:extLst>
          </p:cNvPr>
          <p:cNvCxnSpPr>
            <a:cxnSpLocks/>
          </p:cNvCxnSpPr>
          <p:nvPr userDrawn="1"/>
        </p:nvCxnSpPr>
        <p:spPr>
          <a:xfrm>
            <a:off x="8484944" y="1209600"/>
            <a:ext cx="0" cy="5170789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73">
            <a:extLst>
              <a:ext uri="{FF2B5EF4-FFF2-40B4-BE49-F238E27FC236}">
                <a16:creationId xmlns:a16="http://schemas.microsoft.com/office/drawing/2014/main" id="{5233C6B9-FADA-DB57-1775-606C8BAA9FFA}"/>
              </a:ext>
            </a:extLst>
          </p:cNvPr>
          <p:cNvCxnSpPr>
            <a:cxnSpLocks/>
          </p:cNvCxnSpPr>
          <p:nvPr userDrawn="1"/>
        </p:nvCxnSpPr>
        <p:spPr>
          <a:xfrm>
            <a:off x="11466847" y="1209600"/>
            <a:ext cx="0" cy="5170789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080045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C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TextBox 16">
            <a:extLst>
              <a:ext uri="{FF2B5EF4-FFF2-40B4-BE49-F238E27FC236}">
                <a16:creationId xmlns:a16="http://schemas.microsoft.com/office/drawing/2014/main" id="{7D0A1319-0B5E-A282-88DF-73052973A3E0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44" name="Titel/navn kasse">
            <a:extLst>
              <a:ext uri="{FF2B5EF4-FFF2-40B4-BE49-F238E27FC236}">
                <a16:creationId xmlns:a16="http://schemas.microsoft.com/office/drawing/2014/main" id="{7DF60BF7-E188-EE7A-FF4A-E65E9B3570A0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 userDrawn="1"/>
        </p:nvSpPr>
        <p:spPr>
          <a:xfrm>
            <a:off x="388799" y="388800"/>
            <a:ext cx="6598800" cy="4817430"/>
          </a:xfrm>
          <a:custGeom>
            <a:avLst/>
            <a:gdLst>
              <a:gd name="connsiteX0" fmla="*/ 0 w 6598800"/>
              <a:gd name="connsiteY0" fmla="*/ 0 h 4817430"/>
              <a:gd name="connsiteX1" fmla="*/ 533241 w 6598800"/>
              <a:gd name="connsiteY1" fmla="*/ 0 h 4817430"/>
              <a:gd name="connsiteX2" fmla="*/ 1618021 w 6598800"/>
              <a:gd name="connsiteY2" fmla="*/ 0 h 4817430"/>
              <a:gd name="connsiteX3" fmla="*/ 6065559 w 6598800"/>
              <a:gd name="connsiteY3" fmla="*/ 0 h 4817430"/>
              <a:gd name="connsiteX4" fmla="*/ 6598800 w 6598800"/>
              <a:gd name="connsiteY4" fmla="*/ 533241 h 4817430"/>
              <a:gd name="connsiteX5" fmla="*/ 6598800 w 6598800"/>
              <a:gd name="connsiteY5" fmla="*/ 4284189 h 4817430"/>
              <a:gd name="connsiteX6" fmla="*/ 6065559 w 6598800"/>
              <a:gd name="connsiteY6" fmla="*/ 4817430 h 4817430"/>
              <a:gd name="connsiteX7" fmla="*/ 533241 w 6598800"/>
              <a:gd name="connsiteY7" fmla="*/ 4817430 h 4817430"/>
              <a:gd name="connsiteX8" fmla="*/ 0 w 6598800"/>
              <a:gd name="connsiteY8" fmla="*/ 4284189 h 4817430"/>
              <a:gd name="connsiteX9" fmla="*/ 0 w 6598800"/>
              <a:gd name="connsiteY9" fmla="*/ 1618021 h 4817430"/>
              <a:gd name="connsiteX10" fmla="*/ 0 w 6598800"/>
              <a:gd name="connsiteY10" fmla="*/ 533241 h 48174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6598800" h="4817430">
                <a:moveTo>
                  <a:pt x="0" y="0"/>
                </a:moveTo>
                <a:lnTo>
                  <a:pt x="533241" y="0"/>
                </a:lnTo>
                <a:lnTo>
                  <a:pt x="1618021" y="0"/>
                </a:lnTo>
                <a:lnTo>
                  <a:pt x="6065559" y="0"/>
                </a:lnTo>
                <a:cubicBezTo>
                  <a:pt x="6360060" y="0"/>
                  <a:pt x="6598800" y="238740"/>
                  <a:pt x="6598800" y="533241"/>
                </a:cubicBezTo>
                <a:lnTo>
                  <a:pt x="6598800" y="4284189"/>
                </a:lnTo>
                <a:cubicBezTo>
                  <a:pt x="6598800" y="4578690"/>
                  <a:pt x="6360060" y="4817430"/>
                  <a:pt x="6065559" y="4817430"/>
                </a:cubicBezTo>
                <a:lnTo>
                  <a:pt x="533241" y="4817430"/>
                </a:lnTo>
                <a:cubicBezTo>
                  <a:pt x="238740" y="4817430"/>
                  <a:pt x="0" y="4578690"/>
                  <a:pt x="0" y="4284189"/>
                </a:cubicBezTo>
                <a:lnTo>
                  <a:pt x="0" y="1618021"/>
                </a:lnTo>
                <a:lnTo>
                  <a:pt x="0" y="533241"/>
                </a:lnTo>
                <a:close/>
              </a:path>
            </a:pathLst>
          </a:custGeom>
          <a:solidFill>
            <a:srgbClr val="8DC8E8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8000" y="648000"/>
            <a:ext cx="4057349" cy="3060000"/>
          </a:xfrm>
        </p:spPr>
        <p:txBody>
          <a:bodyPr anchor="t" anchorCtr="0"/>
          <a:lstStyle>
            <a:lvl1pPr algn="l">
              <a:defRPr sz="44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indsætte overskrift – </a:t>
            </a:r>
            <a:br>
              <a:rPr lang="da-DK" dirty="0"/>
            </a:br>
            <a:r>
              <a:rPr lang="da-DK" dirty="0"/>
              <a:t>max. fem linjer</a:t>
            </a:r>
          </a:p>
        </p:txBody>
      </p:sp>
      <p:sp>
        <p:nvSpPr>
          <p:cNvPr id="46" name="Pladsholder til tekst navn">
            <a:extLst>
              <a:ext uri="{FF2B5EF4-FFF2-40B4-BE49-F238E27FC236}">
                <a16:creationId xmlns:a16="http://schemas.microsoft.com/office/drawing/2014/main" id="{45479F02-9280-6162-F05B-91F5EF7275D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8000" y="4389225"/>
            <a:ext cx="557640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Klik og indsæt fornavn og efternavn</a:t>
            </a:r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FE82FFA3-0253-2F7D-9644-43789BEC2E3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648000" y="4680893"/>
            <a:ext cx="5576400" cy="324000"/>
          </a:xfrm>
          <a:prstGeom prst="rect">
            <a:avLst/>
          </a:prstGeom>
        </p:spPr>
        <p:txBody>
          <a:bodyPr anchor="t" anchorCtr="0"/>
          <a:lstStyle>
            <a:lvl1pPr algn="l">
              <a:defRPr sz="2000">
                <a:solidFill>
                  <a:schemeClr val="accent1"/>
                </a:solidFill>
              </a:defRPr>
            </a:lvl1pPr>
          </a:lstStyle>
          <a:p>
            <a:fld id="{6EA3C555-07D8-48FC-8D68-BF0F4B4F7844}" type="datetime2">
              <a:rPr lang="da-DK" smtClean="0"/>
              <a:pPr/>
              <a:t>23. september 2025</a:t>
            </a:fld>
            <a:endParaRPr lang="da-DK" dirty="0"/>
          </a:p>
        </p:txBody>
      </p:sp>
      <p:pic>
        <p:nvPicPr>
          <p:cNvPr id="5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23CD993A-976B-40D5-92B3-61963556922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85188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sldNum="0" hdr="0" ft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D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B9D254C8-3CF1-61FB-D1B5-12181816FD8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1CD3CCE-C6CC-49D5-87B5-317FF0CBE116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7AC1EA72-2ABB-A105-6A9A-CF2A2F6E889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38A0F504-3DCC-14C8-F974-E890C35FE8B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AA1FC40-0E07-46B2-80F9-1324562DE66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en flyttes op eller ned afhængig af motiv i foto. Max. 2 linjer</a:t>
            </a:r>
          </a:p>
        </p:txBody>
      </p:sp>
      <p:sp>
        <p:nvSpPr>
          <p:cNvPr id="4" name="TextBox 16">
            <a:extLst>
              <a:ext uri="{FF2B5EF4-FFF2-40B4-BE49-F238E27FC236}">
                <a16:creationId xmlns:a16="http://schemas.microsoft.com/office/drawing/2014/main" id="{FEB0DF23-2BCC-CAD7-380E-9DB66BFF5E6C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F6C734C7-BFE5-3D6F-DACF-E24F16203A4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19565" y="3854727"/>
            <a:ext cx="2923147" cy="1850037"/>
          </a:xfrm>
          <a:custGeom>
            <a:avLst/>
            <a:gdLst>
              <a:gd name="connsiteX0" fmla="*/ 0 w 2787650"/>
              <a:gd name="connsiteY0" fmla="*/ 179816 h 1764282"/>
              <a:gd name="connsiteX1" fmla="*/ 179816 w 2787650"/>
              <a:gd name="connsiteY1" fmla="*/ 0 h 1764282"/>
              <a:gd name="connsiteX2" fmla="*/ 2607834 w 2787650"/>
              <a:gd name="connsiteY2" fmla="*/ 0 h 1764282"/>
              <a:gd name="connsiteX3" fmla="*/ 2787650 w 2787650"/>
              <a:gd name="connsiteY3" fmla="*/ 179816 h 1764282"/>
              <a:gd name="connsiteX4" fmla="*/ 2787650 w 2787650"/>
              <a:gd name="connsiteY4" fmla="*/ 1584466 h 1764282"/>
              <a:gd name="connsiteX5" fmla="*/ 2607834 w 2787650"/>
              <a:gd name="connsiteY5" fmla="*/ 1764282 h 1764282"/>
              <a:gd name="connsiteX6" fmla="*/ 179816 w 2787650"/>
              <a:gd name="connsiteY6" fmla="*/ 1764282 h 1764282"/>
              <a:gd name="connsiteX7" fmla="*/ 0 w 2787650"/>
              <a:gd name="connsiteY7" fmla="*/ 1584466 h 1764282"/>
              <a:gd name="connsiteX8" fmla="*/ 0 w 2787650"/>
              <a:gd name="connsiteY8" fmla="*/ 179816 h 1764282"/>
              <a:gd name="connsiteX0" fmla="*/ 3 w 2787653"/>
              <a:gd name="connsiteY0" fmla="*/ 179816 h 1764282"/>
              <a:gd name="connsiteX1" fmla="*/ 179819 w 2787653"/>
              <a:gd name="connsiteY1" fmla="*/ 0 h 1764282"/>
              <a:gd name="connsiteX2" fmla="*/ 2607837 w 2787653"/>
              <a:gd name="connsiteY2" fmla="*/ 0 h 1764282"/>
              <a:gd name="connsiteX3" fmla="*/ 2787653 w 2787653"/>
              <a:gd name="connsiteY3" fmla="*/ 179816 h 1764282"/>
              <a:gd name="connsiteX4" fmla="*/ 2787653 w 2787653"/>
              <a:gd name="connsiteY4" fmla="*/ 1584466 h 1764282"/>
              <a:gd name="connsiteX5" fmla="*/ 2607837 w 2787653"/>
              <a:gd name="connsiteY5" fmla="*/ 1764282 h 1764282"/>
              <a:gd name="connsiteX6" fmla="*/ 179819 w 2787653"/>
              <a:gd name="connsiteY6" fmla="*/ 1764282 h 1764282"/>
              <a:gd name="connsiteX7" fmla="*/ 3 w 2787653"/>
              <a:gd name="connsiteY7" fmla="*/ 1584466 h 1764282"/>
              <a:gd name="connsiteX8" fmla="*/ 3 w 2787653"/>
              <a:gd name="connsiteY8" fmla="*/ 179816 h 1764282"/>
              <a:gd name="connsiteX0" fmla="*/ 3 w 2787653"/>
              <a:gd name="connsiteY0" fmla="*/ 181162 h 1765628"/>
              <a:gd name="connsiteX1" fmla="*/ 179819 w 2787653"/>
              <a:gd name="connsiteY1" fmla="*/ 1346 h 1765628"/>
              <a:gd name="connsiteX2" fmla="*/ 2607837 w 2787653"/>
              <a:gd name="connsiteY2" fmla="*/ 1346 h 1765628"/>
              <a:gd name="connsiteX3" fmla="*/ 2787653 w 2787653"/>
              <a:gd name="connsiteY3" fmla="*/ 181162 h 1765628"/>
              <a:gd name="connsiteX4" fmla="*/ 2787653 w 2787653"/>
              <a:gd name="connsiteY4" fmla="*/ 1585812 h 1765628"/>
              <a:gd name="connsiteX5" fmla="*/ 2607837 w 2787653"/>
              <a:gd name="connsiteY5" fmla="*/ 1765628 h 1765628"/>
              <a:gd name="connsiteX6" fmla="*/ 179819 w 2787653"/>
              <a:gd name="connsiteY6" fmla="*/ 1765628 h 1765628"/>
              <a:gd name="connsiteX7" fmla="*/ 3 w 2787653"/>
              <a:gd name="connsiteY7" fmla="*/ 1585812 h 1765628"/>
              <a:gd name="connsiteX8" fmla="*/ 3 w 2787653"/>
              <a:gd name="connsiteY8" fmla="*/ 181162 h 1765628"/>
              <a:gd name="connsiteX0" fmla="*/ 0 w 2787650"/>
              <a:gd name="connsiteY0" fmla="*/ 179816 h 1764282"/>
              <a:gd name="connsiteX1" fmla="*/ 179816 w 2787650"/>
              <a:gd name="connsiteY1" fmla="*/ 0 h 1764282"/>
              <a:gd name="connsiteX2" fmla="*/ 2607834 w 2787650"/>
              <a:gd name="connsiteY2" fmla="*/ 0 h 1764282"/>
              <a:gd name="connsiteX3" fmla="*/ 2787650 w 2787650"/>
              <a:gd name="connsiteY3" fmla="*/ 179816 h 1764282"/>
              <a:gd name="connsiteX4" fmla="*/ 2787650 w 2787650"/>
              <a:gd name="connsiteY4" fmla="*/ 1584466 h 1764282"/>
              <a:gd name="connsiteX5" fmla="*/ 2607834 w 2787650"/>
              <a:gd name="connsiteY5" fmla="*/ 1764282 h 1764282"/>
              <a:gd name="connsiteX6" fmla="*/ 179816 w 2787650"/>
              <a:gd name="connsiteY6" fmla="*/ 1764282 h 1764282"/>
              <a:gd name="connsiteX7" fmla="*/ 0 w 2787650"/>
              <a:gd name="connsiteY7" fmla="*/ 1584466 h 1764282"/>
              <a:gd name="connsiteX8" fmla="*/ 0 w 2787650"/>
              <a:gd name="connsiteY8" fmla="*/ 179816 h 1764282"/>
              <a:gd name="connsiteX0" fmla="*/ 0 w 2787650"/>
              <a:gd name="connsiteY0" fmla="*/ 179816 h 1764282"/>
              <a:gd name="connsiteX1" fmla="*/ 86566 w 2787650"/>
              <a:gd name="connsiteY1" fmla="*/ 81420 h 1764282"/>
              <a:gd name="connsiteX2" fmla="*/ 179816 w 2787650"/>
              <a:gd name="connsiteY2" fmla="*/ 0 h 1764282"/>
              <a:gd name="connsiteX3" fmla="*/ 2607834 w 2787650"/>
              <a:gd name="connsiteY3" fmla="*/ 0 h 1764282"/>
              <a:gd name="connsiteX4" fmla="*/ 2787650 w 2787650"/>
              <a:gd name="connsiteY4" fmla="*/ 179816 h 1764282"/>
              <a:gd name="connsiteX5" fmla="*/ 2787650 w 2787650"/>
              <a:gd name="connsiteY5" fmla="*/ 1584466 h 1764282"/>
              <a:gd name="connsiteX6" fmla="*/ 2607834 w 2787650"/>
              <a:gd name="connsiteY6" fmla="*/ 1764282 h 1764282"/>
              <a:gd name="connsiteX7" fmla="*/ 179816 w 2787650"/>
              <a:gd name="connsiteY7" fmla="*/ 1764282 h 1764282"/>
              <a:gd name="connsiteX8" fmla="*/ 0 w 2787650"/>
              <a:gd name="connsiteY8" fmla="*/ 1584466 h 1764282"/>
              <a:gd name="connsiteX9" fmla="*/ 0 w 2787650"/>
              <a:gd name="connsiteY9" fmla="*/ 179816 h 1764282"/>
              <a:gd name="connsiteX0" fmla="*/ 0 w 2787650"/>
              <a:gd name="connsiteY0" fmla="*/ 179816 h 1764282"/>
              <a:gd name="connsiteX1" fmla="*/ 206 w 2787650"/>
              <a:gd name="connsiteY1" fmla="*/ 5220 h 1764282"/>
              <a:gd name="connsiteX2" fmla="*/ 179816 w 2787650"/>
              <a:gd name="connsiteY2" fmla="*/ 0 h 1764282"/>
              <a:gd name="connsiteX3" fmla="*/ 2607834 w 2787650"/>
              <a:gd name="connsiteY3" fmla="*/ 0 h 1764282"/>
              <a:gd name="connsiteX4" fmla="*/ 2787650 w 2787650"/>
              <a:gd name="connsiteY4" fmla="*/ 179816 h 1764282"/>
              <a:gd name="connsiteX5" fmla="*/ 2787650 w 2787650"/>
              <a:gd name="connsiteY5" fmla="*/ 1584466 h 1764282"/>
              <a:gd name="connsiteX6" fmla="*/ 2607834 w 2787650"/>
              <a:gd name="connsiteY6" fmla="*/ 1764282 h 1764282"/>
              <a:gd name="connsiteX7" fmla="*/ 179816 w 2787650"/>
              <a:gd name="connsiteY7" fmla="*/ 1764282 h 1764282"/>
              <a:gd name="connsiteX8" fmla="*/ 0 w 2787650"/>
              <a:gd name="connsiteY8" fmla="*/ 1584466 h 1764282"/>
              <a:gd name="connsiteX9" fmla="*/ 0 w 2787650"/>
              <a:gd name="connsiteY9" fmla="*/ 179816 h 1764282"/>
              <a:gd name="connsiteX0" fmla="*/ 0 w 2787650"/>
              <a:gd name="connsiteY0" fmla="*/ 179816 h 1764282"/>
              <a:gd name="connsiteX1" fmla="*/ 206 w 2787650"/>
              <a:gd name="connsiteY1" fmla="*/ 5220 h 1764282"/>
              <a:gd name="connsiteX2" fmla="*/ 179816 w 2787650"/>
              <a:gd name="connsiteY2" fmla="*/ 0 h 1764282"/>
              <a:gd name="connsiteX3" fmla="*/ 2607834 w 2787650"/>
              <a:gd name="connsiteY3" fmla="*/ 0 h 1764282"/>
              <a:gd name="connsiteX4" fmla="*/ 2787650 w 2787650"/>
              <a:gd name="connsiteY4" fmla="*/ 179816 h 1764282"/>
              <a:gd name="connsiteX5" fmla="*/ 2787650 w 2787650"/>
              <a:gd name="connsiteY5" fmla="*/ 1584466 h 1764282"/>
              <a:gd name="connsiteX6" fmla="*/ 2607834 w 2787650"/>
              <a:gd name="connsiteY6" fmla="*/ 1764282 h 1764282"/>
              <a:gd name="connsiteX7" fmla="*/ 179816 w 2787650"/>
              <a:gd name="connsiteY7" fmla="*/ 1764282 h 1764282"/>
              <a:gd name="connsiteX8" fmla="*/ 0 w 2787650"/>
              <a:gd name="connsiteY8" fmla="*/ 1584466 h 1764282"/>
              <a:gd name="connsiteX9" fmla="*/ 0 w 2787650"/>
              <a:gd name="connsiteY9" fmla="*/ 179816 h 1764282"/>
              <a:gd name="connsiteX0" fmla="*/ 2335 w 2789985"/>
              <a:gd name="connsiteY0" fmla="*/ 179816 h 1764282"/>
              <a:gd name="connsiteX1" fmla="*/ 1 w 2789985"/>
              <a:gd name="connsiteY1" fmla="*/ 140 h 1764282"/>
              <a:gd name="connsiteX2" fmla="*/ 182151 w 2789985"/>
              <a:gd name="connsiteY2" fmla="*/ 0 h 1764282"/>
              <a:gd name="connsiteX3" fmla="*/ 2610169 w 2789985"/>
              <a:gd name="connsiteY3" fmla="*/ 0 h 1764282"/>
              <a:gd name="connsiteX4" fmla="*/ 2789985 w 2789985"/>
              <a:gd name="connsiteY4" fmla="*/ 179816 h 1764282"/>
              <a:gd name="connsiteX5" fmla="*/ 2789985 w 2789985"/>
              <a:gd name="connsiteY5" fmla="*/ 1584466 h 1764282"/>
              <a:gd name="connsiteX6" fmla="*/ 2610169 w 2789985"/>
              <a:gd name="connsiteY6" fmla="*/ 1764282 h 1764282"/>
              <a:gd name="connsiteX7" fmla="*/ 182151 w 2789985"/>
              <a:gd name="connsiteY7" fmla="*/ 1764282 h 1764282"/>
              <a:gd name="connsiteX8" fmla="*/ 2335 w 2789985"/>
              <a:gd name="connsiteY8" fmla="*/ 1584466 h 1764282"/>
              <a:gd name="connsiteX9" fmla="*/ 2335 w 2789985"/>
              <a:gd name="connsiteY9" fmla="*/ 179816 h 1764282"/>
              <a:gd name="connsiteX0" fmla="*/ 0 w 2787650"/>
              <a:gd name="connsiteY0" fmla="*/ 179816 h 1764282"/>
              <a:gd name="connsiteX1" fmla="*/ 2746 w 2787650"/>
              <a:gd name="connsiteY1" fmla="*/ 140 h 1764282"/>
              <a:gd name="connsiteX2" fmla="*/ 179816 w 2787650"/>
              <a:gd name="connsiteY2" fmla="*/ 0 h 1764282"/>
              <a:gd name="connsiteX3" fmla="*/ 2607834 w 2787650"/>
              <a:gd name="connsiteY3" fmla="*/ 0 h 1764282"/>
              <a:gd name="connsiteX4" fmla="*/ 2787650 w 2787650"/>
              <a:gd name="connsiteY4" fmla="*/ 179816 h 1764282"/>
              <a:gd name="connsiteX5" fmla="*/ 2787650 w 2787650"/>
              <a:gd name="connsiteY5" fmla="*/ 1584466 h 1764282"/>
              <a:gd name="connsiteX6" fmla="*/ 2607834 w 2787650"/>
              <a:gd name="connsiteY6" fmla="*/ 1764282 h 1764282"/>
              <a:gd name="connsiteX7" fmla="*/ 179816 w 2787650"/>
              <a:gd name="connsiteY7" fmla="*/ 1764282 h 1764282"/>
              <a:gd name="connsiteX8" fmla="*/ 0 w 2787650"/>
              <a:gd name="connsiteY8" fmla="*/ 1584466 h 1764282"/>
              <a:gd name="connsiteX9" fmla="*/ 0 w 2787650"/>
              <a:gd name="connsiteY9" fmla="*/ 179816 h 1764282"/>
              <a:gd name="connsiteX0" fmla="*/ 0 w 2787650"/>
              <a:gd name="connsiteY0" fmla="*/ 179816 h 1764282"/>
              <a:gd name="connsiteX1" fmla="*/ 206 w 2787650"/>
              <a:gd name="connsiteY1" fmla="*/ 140 h 1764282"/>
              <a:gd name="connsiteX2" fmla="*/ 179816 w 2787650"/>
              <a:gd name="connsiteY2" fmla="*/ 0 h 1764282"/>
              <a:gd name="connsiteX3" fmla="*/ 2607834 w 2787650"/>
              <a:gd name="connsiteY3" fmla="*/ 0 h 1764282"/>
              <a:gd name="connsiteX4" fmla="*/ 2787650 w 2787650"/>
              <a:gd name="connsiteY4" fmla="*/ 179816 h 1764282"/>
              <a:gd name="connsiteX5" fmla="*/ 2787650 w 2787650"/>
              <a:gd name="connsiteY5" fmla="*/ 1584466 h 1764282"/>
              <a:gd name="connsiteX6" fmla="*/ 2607834 w 2787650"/>
              <a:gd name="connsiteY6" fmla="*/ 1764282 h 1764282"/>
              <a:gd name="connsiteX7" fmla="*/ 179816 w 2787650"/>
              <a:gd name="connsiteY7" fmla="*/ 1764282 h 1764282"/>
              <a:gd name="connsiteX8" fmla="*/ 0 w 2787650"/>
              <a:gd name="connsiteY8" fmla="*/ 1584466 h 1764282"/>
              <a:gd name="connsiteX9" fmla="*/ 0 w 2787650"/>
              <a:gd name="connsiteY9" fmla="*/ 179816 h 17642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2787650" h="1764282">
                <a:moveTo>
                  <a:pt x="0" y="179816"/>
                </a:moveTo>
                <a:cubicBezTo>
                  <a:pt x="69" y="121617"/>
                  <a:pt x="137" y="15159"/>
                  <a:pt x="206" y="140"/>
                </a:cubicBezTo>
                <a:lnTo>
                  <a:pt x="179816" y="0"/>
                </a:lnTo>
                <a:lnTo>
                  <a:pt x="2607834" y="0"/>
                </a:lnTo>
                <a:cubicBezTo>
                  <a:pt x="2707144" y="0"/>
                  <a:pt x="2787650" y="80506"/>
                  <a:pt x="2787650" y="179816"/>
                </a:cubicBezTo>
                <a:lnTo>
                  <a:pt x="2787650" y="1584466"/>
                </a:lnTo>
                <a:cubicBezTo>
                  <a:pt x="2787650" y="1683776"/>
                  <a:pt x="2707144" y="1764282"/>
                  <a:pt x="2607834" y="1764282"/>
                </a:cubicBezTo>
                <a:lnTo>
                  <a:pt x="179816" y="1764282"/>
                </a:lnTo>
                <a:cubicBezTo>
                  <a:pt x="80506" y="1764282"/>
                  <a:pt x="0" y="1683776"/>
                  <a:pt x="0" y="1584466"/>
                </a:cubicBezTo>
                <a:lnTo>
                  <a:pt x="0" y="179816"/>
                </a:lnTo>
                <a:close/>
              </a:path>
            </a:pathLst>
          </a:custGeom>
          <a:ln w="15875">
            <a:solidFill>
              <a:schemeClr val="bg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9600" b="0">
                <a:solidFill>
                  <a:schemeClr val="bg1"/>
                </a:solidFill>
                <a:latin typeface="DI Numbers Office" pitchFamily="2" charset="0"/>
              </a:defRPr>
            </a:lvl1pPr>
            <a:lvl2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2pPr>
            <a:lvl3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3pPr>
            <a:lvl4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4pPr>
            <a:lvl5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5pPr>
            <a:lvl6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6pPr>
            <a:lvl7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7pPr>
            <a:lvl8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8pPr>
            <a:lvl9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100%</a:t>
            </a:r>
          </a:p>
        </p:txBody>
      </p:sp>
      <p:sp>
        <p:nvSpPr>
          <p:cNvPr id="3" name="Pladsholder til tekst navn">
            <a:extLst>
              <a:ext uri="{FF2B5EF4-FFF2-40B4-BE49-F238E27FC236}">
                <a16:creationId xmlns:a16="http://schemas.microsoft.com/office/drawing/2014/main" id="{18DA8BD8-4D10-F04D-369E-089788044C4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000" y="2605967"/>
            <a:ext cx="4387550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3pPr>
            <a:lvl4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4pPr>
            <a:lvl5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6pPr>
            <a:lvl7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7pPr>
            <a:lvl8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8pPr>
            <a:lvl9pPr marL="0">
              <a:lnSpc>
                <a:spcPct val="100000"/>
              </a:lnSpc>
              <a:spcAft>
                <a:spcPts val="0"/>
              </a:spcAft>
              <a:buNone/>
              <a:defRPr sz="20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og indsæt fornavn og efternavn</a:t>
            </a:r>
          </a:p>
        </p:txBody>
      </p:sp>
      <p:sp>
        <p:nvSpPr>
          <p:cNvPr id="5" name="Date Placeholder 6">
            <a:extLst>
              <a:ext uri="{FF2B5EF4-FFF2-40B4-BE49-F238E27FC236}">
                <a16:creationId xmlns:a16="http://schemas.microsoft.com/office/drawing/2014/main" id="{27A59C48-14BC-4204-45C7-53A2D7F67C89}"/>
              </a:ext>
            </a:extLst>
          </p:cNvPr>
          <p:cNvSpPr txBox="1">
            <a:spLocks/>
          </p:cNvSpPr>
          <p:nvPr userDrawn="1"/>
        </p:nvSpPr>
        <p:spPr>
          <a:xfrm>
            <a:off x="648000" y="2901257"/>
            <a:ext cx="4388400" cy="32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2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54A937AC-837E-4900-A9B4-EB8622A1E968}" type="datetime2">
              <a:rPr lang="da-DK" smtClean="0"/>
              <a:pPr algn="l"/>
              <a:t>23. september 2025</a:t>
            </a:fld>
            <a:endParaRPr lang="da-DK" dirty="0"/>
          </a:p>
        </p:txBody>
      </p:sp>
      <p:pic>
        <p:nvPicPr>
          <p:cNvPr id="7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2A508915-40BB-73A8-2CEA-69266C8D9D8C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036190"/>
      </p:ext>
    </p:extLst>
  </p:cSld>
  <p:clrMapOvr>
    <a:masterClrMapping/>
  </p:clrMapOvr>
  <p:hf sldNum="0" hdr="0" ftr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uden navn 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B9D254C8-3CF1-61FB-D1B5-12181816FD8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5EE4BB6-1872-41CD-8FC5-9B4C6EC8EFBF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7AC1EA72-2ABB-A105-6A9A-CF2A2F6E889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38A0F504-3DCC-14C8-F974-E890C35FE8B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AA1FC40-0E07-46B2-80F9-1324562DE66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7435550" cy="1296000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4" name="TextBox 16">
            <a:extLst>
              <a:ext uri="{FF2B5EF4-FFF2-40B4-BE49-F238E27FC236}">
                <a16:creationId xmlns:a16="http://schemas.microsoft.com/office/drawing/2014/main" id="{FEB0DF23-2BCC-CAD7-380E-9DB66BFF5E6C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13" name="Pladsholder til tekst 12">
            <a:extLst>
              <a:ext uri="{FF2B5EF4-FFF2-40B4-BE49-F238E27FC236}">
                <a16:creationId xmlns:a16="http://schemas.microsoft.com/office/drawing/2014/main" id="{F50CF705-5B0B-ABEE-C230-0BB82AD954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653618" y="2154813"/>
            <a:ext cx="1780398" cy="1660041"/>
          </a:xfrm>
          <a:custGeom>
            <a:avLst/>
            <a:gdLst>
              <a:gd name="connsiteX0" fmla="*/ 178039 w 1780398"/>
              <a:gd name="connsiteY0" fmla="*/ 0 h 1660041"/>
              <a:gd name="connsiteX1" fmla="*/ 1602359 w 1780398"/>
              <a:gd name="connsiteY1" fmla="*/ 0 h 1660041"/>
              <a:gd name="connsiteX2" fmla="*/ 1780398 w 1780398"/>
              <a:gd name="connsiteY2" fmla="*/ 178039 h 1660041"/>
              <a:gd name="connsiteX3" fmla="*/ 1780398 w 1780398"/>
              <a:gd name="connsiteY3" fmla="*/ 1482002 h 1660041"/>
              <a:gd name="connsiteX4" fmla="*/ 1602359 w 1780398"/>
              <a:gd name="connsiteY4" fmla="*/ 1660041 h 1660041"/>
              <a:gd name="connsiteX5" fmla="*/ 679802 w 1780398"/>
              <a:gd name="connsiteY5" fmla="*/ 1660041 h 1660041"/>
              <a:gd name="connsiteX6" fmla="*/ 178039 w 1780398"/>
              <a:gd name="connsiteY6" fmla="*/ 1660041 h 1660041"/>
              <a:gd name="connsiteX7" fmla="*/ 0 w 1780398"/>
              <a:gd name="connsiteY7" fmla="*/ 1660041 h 1660041"/>
              <a:gd name="connsiteX8" fmla="*/ 0 w 1780398"/>
              <a:gd name="connsiteY8" fmla="*/ 1482002 h 1660041"/>
              <a:gd name="connsiteX9" fmla="*/ 0 w 1780398"/>
              <a:gd name="connsiteY9" fmla="*/ 1078877 h 1660041"/>
              <a:gd name="connsiteX10" fmla="*/ 0 w 1780398"/>
              <a:gd name="connsiteY10" fmla="*/ 178039 h 1660041"/>
              <a:gd name="connsiteX11" fmla="*/ 178039 w 1780398"/>
              <a:gd name="connsiteY11" fmla="*/ 0 h 1660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80398" h="1660041">
                <a:moveTo>
                  <a:pt x="178039" y="0"/>
                </a:moveTo>
                <a:lnTo>
                  <a:pt x="1602359" y="0"/>
                </a:lnTo>
                <a:cubicBezTo>
                  <a:pt x="1700687" y="0"/>
                  <a:pt x="1780398" y="79711"/>
                  <a:pt x="1780398" y="178039"/>
                </a:cubicBezTo>
                <a:lnTo>
                  <a:pt x="1780398" y="1482002"/>
                </a:lnTo>
                <a:cubicBezTo>
                  <a:pt x="1780398" y="1580330"/>
                  <a:pt x="1700687" y="1660041"/>
                  <a:pt x="1602359" y="1660041"/>
                </a:cubicBezTo>
                <a:lnTo>
                  <a:pt x="679802" y="1660041"/>
                </a:lnTo>
                <a:lnTo>
                  <a:pt x="178039" y="1660041"/>
                </a:lnTo>
                <a:lnTo>
                  <a:pt x="0" y="1660041"/>
                </a:lnTo>
                <a:lnTo>
                  <a:pt x="0" y="1482002"/>
                </a:lnTo>
                <a:lnTo>
                  <a:pt x="0" y="1078877"/>
                </a:lnTo>
                <a:lnTo>
                  <a:pt x="0" y="178039"/>
                </a:lnTo>
                <a:cubicBezTo>
                  <a:pt x="0" y="79711"/>
                  <a:pt x="79711" y="0"/>
                  <a:pt x="178039" y="0"/>
                </a:cubicBezTo>
                <a:close/>
              </a:path>
            </a:pathLst>
          </a:custGeom>
          <a:ln w="15875">
            <a:solidFill>
              <a:schemeClr val="bg1"/>
            </a:solidFill>
          </a:ln>
        </p:spPr>
        <p:txBody>
          <a:bodyPr wrap="square" lIns="72000" tIns="72000" rIns="72000" bIns="72000" anchor="ctr" anchorCtr="0">
            <a:noAutofit/>
          </a:bodyPr>
          <a:lstStyle>
            <a:lvl1pPr marL="0" indent="0" algn="ctr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00" b="0">
                <a:noFill/>
                <a:latin typeface="DI Numbers Office" pitchFamily="2" charset="0"/>
              </a:defRPr>
            </a:lvl1pPr>
            <a:lvl2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2pPr>
            <a:lvl3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3pPr>
            <a:lvl4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4pPr>
            <a:lvl5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5pPr>
            <a:lvl6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6pPr>
            <a:lvl7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7pPr>
            <a:lvl8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8pPr>
            <a:lvl9pPr marL="0" indent="0">
              <a:lnSpc>
                <a:spcPct val="87000"/>
              </a:lnSpc>
              <a:spcAft>
                <a:spcPts val="0"/>
              </a:spcAft>
              <a:buFont typeface="Arial" panose="020B0604020202020204" pitchFamily="34" charset="0"/>
              <a:buNone/>
              <a:defRPr sz="6000" b="0">
                <a:latin typeface="DI Numbers Office" pitchFamily="2" charset="0"/>
              </a:defRPr>
            </a:lvl9pPr>
          </a:lstStyle>
          <a:p>
            <a:pPr lvl="0"/>
            <a:r>
              <a:rPr lang="da-DK" noProof="0" dirty="0"/>
              <a:t>.</a:t>
            </a:r>
          </a:p>
        </p:txBody>
      </p:sp>
      <p:pic>
        <p:nvPicPr>
          <p:cNvPr id="3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2A51A030-CA85-8FB9-F191-BD3C75F5F06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63189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illede uden navn B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022E5A2-5470-4965-BF6A-D0A7391310E2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44" name="Kombinationstegning: figur 43">
            <a:extLst>
              <a:ext uri="{FF2B5EF4-FFF2-40B4-BE49-F238E27FC236}">
                <a16:creationId xmlns:a16="http://schemas.microsoft.com/office/drawing/2014/main" id="{4B4AC28A-B22D-EBC3-E04D-2CDF1AD8FD9A}"/>
              </a:ext>
            </a:extLst>
          </p:cNvPr>
          <p:cNvSpPr/>
          <p:nvPr userDrawn="1"/>
        </p:nvSpPr>
        <p:spPr>
          <a:xfrm>
            <a:off x="3685879" y="2917009"/>
            <a:ext cx="2279945" cy="3434805"/>
          </a:xfrm>
          <a:custGeom>
            <a:avLst/>
            <a:gdLst>
              <a:gd name="connsiteX0" fmla="*/ 178451 w 2279945"/>
              <a:gd name="connsiteY0" fmla="*/ 0 h 3434805"/>
              <a:gd name="connsiteX1" fmla="*/ 2101494 w 2279945"/>
              <a:gd name="connsiteY1" fmla="*/ 0 h 3434805"/>
              <a:gd name="connsiteX2" fmla="*/ 2279945 w 2279945"/>
              <a:gd name="connsiteY2" fmla="*/ 178451 h 3434805"/>
              <a:gd name="connsiteX3" fmla="*/ 2279945 w 2279945"/>
              <a:gd name="connsiteY3" fmla="*/ 3256354 h 3434805"/>
              <a:gd name="connsiteX4" fmla="*/ 2101494 w 2279945"/>
              <a:gd name="connsiteY4" fmla="*/ 3434805 h 3434805"/>
              <a:gd name="connsiteX5" fmla="*/ 1009650 w 2279945"/>
              <a:gd name="connsiteY5" fmla="*/ 3434805 h 3434805"/>
              <a:gd name="connsiteX6" fmla="*/ 178451 w 2279945"/>
              <a:gd name="connsiteY6" fmla="*/ 3434805 h 3434805"/>
              <a:gd name="connsiteX7" fmla="*/ 0 w 2279945"/>
              <a:gd name="connsiteY7" fmla="*/ 3434805 h 3434805"/>
              <a:gd name="connsiteX8" fmla="*/ 0 w 2279945"/>
              <a:gd name="connsiteY8" fmla="*/ 3256354 h 3434805"/>
              <a:gd name="connsiteX9" fmla="*/ 0 w 2279945"/>
              <a:gd name="connsiteY9" fmla="*/ 2272755 h 3434805"/>
              <a:gd name="connsiteX10" fmla="*/ 0 w 2279945"/>
              <a:gd name="connsiteY10" fmla="*/ 178451 h 3434805"/>
              <a:gd name="connsiteX11" fmla="*/ 178451 w 2279945"/>
              <a:gd name="connsiteY11" fmla="*/ 0 h 34348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279945" h="3434805">
                <a:moveTo>
                  <a:pt x="178451" y="0"/>
                </a:moveTo>
                <a:lnTo>
                  <a:pt x="2101494" y="0"/>
                </a:lnTo>
                <a:cubicBezTo>
                  <a:pt x="2200050" y="0"/>
                  <a:pt x="2279945" y="79895"/>
                  <a:pt x="2279945" y="178451"/>
                </a:cubicBezTo>
                <a:lnTo>
                  <a:pt x="2279945" y="3256354"/>
                </a:lnTo>
                <a:cubicBezTo>
                  <a:pt x="2279945" y="3354910"/>
                  <a:pt x="2200050" y="3434805"/>
                  <a:pt x="2101494" y="3434805"/>
                </a:cubicBezTo>
                <a:lnTo>
                  <a:pt x="1009650" y="3434805"/>
                </a:lnTo>
                <a:lnTo>
                  <a:pt x="178451" y="3434805"/>
                </a:lnTo>
                <a:lnTo>
                  <a:pt x="0" y="3434805"/>
                </a:lnTo>
                <a:lnTo>
                  <a:pt x="0" y="3256354"/>
                </a:lnTo>
                <a:lnTo>
                  <a:pt x="0" y="2272755"/>
                </a:lnTo>
                <a:lnTo>
                  <a:pt x="0" y="178451"/>
                </a:lnTo>
                <a:cubicBezTo>
                  <a:pt x="0" y="79895"/>
                  <a:pt x="79895" y="0"/>
                  <a:pt x="178451" y="0"/>
                </a:cubicBez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3" name="Kombinationstegning: figur 42">
            <a:extLst>
              <a:ext uri="{FF2B5EF4-FFF2-40B4-BE49-F238E27FC236}">
                <a16:creationId xmlns:a16="http://schemas.microsoft.com/office/drawing/2014/main" id="{368D428A-E186-E93F-00D5-2BBAB2E157F5}"/>
              </a:ext>
            </a:extLst>
          </p:cNvPr>
          <p:cNvSpPr/>
          <p:nvPr userDrawn="1"/>
        </p:nvSpPr>
        <p:spPr>
          <a:xfrm>
            <a:off x="1649691" y="2917009"/>
            <a:ext cx="1785660" cy="1145538"/>
          </a:xfrm>
          <a:custGeom>
            <a:avLst/>
            <a:gdLst>
              <a:gd name="connsiteX0" fmla="*/ 183458 w 1785660"/>
              <a:gd name="connsiteY0" fmla="*/ 0 h 1145538"/>
              <a:gd name="connsiteX1" fmla="*/ 776010 w 1785660"/>
              <a:gd name="connsiteY1" fmla="*/ 0 h 1145538"/>
              <a:gd name="connsiteX2" fmla="*/ 1602202 w 1785660"/>
              <a:gd name="connsiteY2" fmla="*/ 0 h 1145538"/>
              <a:gd name="connsiteX3" fmla="*/ 1785660 w 1785660"/>
              <a:gd name="connsiteY3" fmla="*/ 0 h 1145538"/>
              <a:gd name="connsiteX4" fmla="*/ 1785660 w 1785660"/>
              <a:gd name="connsiteY4" fmla="*/ 183458 h 1145538"/>
              <a:gd name="connsiteX5" fmla="*/ 1785660 w 1785660"/>
              <a:gd name="connsiteY5" fmla="*/ 561975 h 1145538"/>
              <a:gd name="connsiteX6" fmla="*/ 1785660 w 1785660"/>
              <a:gd name="connsiteY6" fmla="*/ 962080 h 1145538"/>
              <a:gd name="connsiteX7" fmla="*/ 1602202 w 1785660"/>
              <a:gd name="connsiteY7" fmla="*/ 1145538 h 1145538"/>
              <a:gd name="connsiteX8" fmla="*/ 183458 w 1785660"/>
              <a:gd name="connsiteY8" fmla="*/ 1145538 h 1145538"/>
              <a:gd name="connsiteX9" fmla="*/ 0 w 1785660"/>
              <a:gd name="connsiteY9" fmla="*/ 962080 h 1145538"/>
              <a:gd name="connsiteX10" fmla="*/ 0 w 1785660"/>
              <a:gd name="connsiteY10" fmla="*/ 183458 h 1145538"/>
              <a:gd name="connsiteX11" fmla="*/ 183458 w 1785660"/>
              <a:gd name="connsiteY11" fmla="*/ 0 h 1145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85660" h="1145538">
                <a:moveTo>
                  <a:pt x="183458" y="0"/>
                </a:moveTo>
                <a:lnTo>
                  <a:pt x="776010" y="0"/>
                </a:lnTo>
                <a:lnTo>
                  <a:pt x="1602202" y="0"/>
                </a:lnTo>
                <a:lnTo>
                  <a:pt x="1785660" y="0"/>
                </a:lnTo>
                <a:lnTo>
                  <a:pt x="1785660" y="183458"/>
                </a:lnTo>
                <a:lnTo>
                  <a:pt x="1785660" y="561975"/>
                </a:lnTo>
                <a:lnTo>
                  <a:pt x="1785660" y="962080"/>
                </a:lnTo>
                <a:cubicBezTo>
                  <a:pt x="1785660" y="1063401"/>
                  <a:pt x="1703523" y="1145538"/>
                  <a:pt x="1602202" y="1145538"/>
                </a:cubicBezTo>
                <a:lnTo>
                  <a:pt x="183458" y="1145538"/>
                </a:lnTo>
                <a:cubicBezTo>
                  <a:pt x="82137" y="1145538"/>
                  <a:pt x="0" y="1063401"/>
                  <a:pt x="0" y="962080"/>
                </a:cubicBezTo>
                <a:lnTo>
                  <a:pt x="0" y="183458"/>
                </a:lnTo>
                <a:cubicBezTo>
                  <a:pt x="0" y="82137"/>
                  <a:pt x="82137" y="0"/>
                  <a:pt x="183458" y="0"/>
                </a:cubicBez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2" name="Kombinationstegning: figur 41">
            <a:extLst>
              <a:ext uri="{FF2B5EF4-FFF2-40B4-BE49-F238E27FC236}">
                <a16:creationId xmlns:a16="http://schemas.microsoft.com/office/drawing/2014/main" id="{92615C35-0EB4-2246-705E-B3B96273D2A6}"/>
              </a:ext>
            </a:extLst>
          </p:cNvPr>
          <p:cNvSpPr/>
          <p:nvPr userDrawn="1"/>
        </p:nvSpPr>
        <p:spPr>
          <a:xfrm>
            <a:off x="0" y="1"/>
            <a:ext cx="8755063" cy="2658358"/>
          </a:xfrm>
          <a:custGeom>
            <a:avLst/>
            <a:gdLst>
              <a:gd name="connsiteX0" fmla="*/ 0 w 8755063"/>
              <a:gd name="connsiteY0" fmla="*/ 0 h 2658358"/>
              <a:gd name="connsiteX1" fmla="*/ 170480 w 8755063"/>
              <a:gd name="connsiteY1" fmla="*/ 0 h 2658358"/>
              <a:gd name="connsiteX2" fmla="*/ 1009650 w 8755063"/>
              <a:gd name="connsiteY2" fmla="*/ 0 h 2658358"/>
              <a:gd name="connsiteX3" fmla="*/ 7745413 w 8755063"/>
              <a:gd name="connsiteY3" fmla="*/ 0 h 2658358"/>
              <a:gd name="connsiteX4" fmla="*/ 8584583 w 8755063"/>
              <a:gd name="connsiteY4" fmla="*/ 0 h 2658358"/>
              <a:gd name="connsiteX5" fmla="*/ 8755063 w 8755063"/>
              <a:gd name="connsiteY5" fmla="*/ 0 h 2658358"/>
              <a:gd name="connsiteX6" fmla="*/ 8755063 w 8755063"/>
              <a:gd name="connsiteY6" fmla="*/ 170480 h 2658358"/>
              <a:gd name="connsiteX7" fmla="*/ 8755063 w 8755063"/>
              <a:gd name="connsiteY7" fmla="*/ 1162050 h 2658358"/>
              <a:gd name="connsiteX8" fmla="*/ 8755063 w 8755063"/>
              <a:gd name="connsiteY8" fmla="*/ 2487878 h 2658358"/>
              <a:gd name="connsiteX9" fmla="*/ 8584583 w 8755063"/>
              <a:gd name="connsiteY9" fmla="*/ 2658358 h 2658358"/>
              <a:gd name="connsiteX10" fmla="*/ 1009650 w 8755063"/>
              <a:gd name="connsiteY10" fmla="*/ 2658358 h 2658358"/>
              <a:gd name="connsiteX11" fmla="*/ 170480 w 8755063"/>
              <a:gd name="connsiteY11" fmla="*/ 2658358 h 2658358"/>
              <a:gd name="connsiteX12" fmla="*/ 0 w 8755063"/>
              <a:gd name="connsiteY12" fmla="*/ 2658358 h 2658358"/>
              <a:gd name="connsiteX13" fmla="*/ 0 w 8755063"/>
              <a:gd name="connsiteY13" fmla="*/ 2487878 h 2658358"/>
              <a:gd name="connsiteX14" fmla="*/ 0 w 8755063"/>
              <a:gd name="connsiteY14" fmla="*/ 1496308 h 2658358"/>
              <a:gd name="connsiteX15" fmla="*/ 0 w 8755063"/>
              <a:gd name="connsiteY15" fmla="*/ 1162050 h 2658358"/>
              <a:gd name="connsiteX16" fmla="*/ 0 w 8755063"/>
              <a:gd name="connsiteY16" fmla="*/ 170480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17" fmla="*/ 91440 w 8755063"/>
              <a:gd name="connsiteY17" fmla="*/ 261920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17" fmla="*/ 91440 w 8755063"/>
              <a:gd name="connsiteY17" fmla="*/ 261920 h 2658358"/>
              <a:gd name="connsiteX18" fmla="*/ 76200 w 8755063"/>
              <a:gd name="connsiteY18" fmla="*/ 266699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17" fmla="*/ 91440 w 8755063"/>
              <a:gd name="connsiteY17" fmla="*/ 261920 h 2658358"/>
              <a:gd name="connsiteX18" fmla="*/ 76200 w 8755063"/>
              <a:gd name="connsiteY18" fmla="*/ 266699 h 2658358"/>
              <a:gd name="connsiteX19" fmla="*/ 85725 w 8755063"/>
              <a:gd name="connsiteY19" fmla="*/ 238124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17" fmla="*/ 91440 w 8755063"/>
              <a:gd name="connsiteY17" fmla="*/ 261920 h 2658358"/>
              <a:gd name="connsiteX18" fmla="*/ 76200 w 8755063"/>
              <a:gd name="connsiteY18" fmla="*/ 266699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17" fmla="*/ 91440 w 8755063"/>
              <a:gd name="connsiteY17" fmla="*/ 261920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16" fmla="*/ 0 w 8755063"/>
              <a:gd name="connsiteY16" fmla="*/ 1162050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15" fmla="*/ 0 w 8755063"/>
              <a:gd name="connsiteY15" fmla="*/ 1496308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14" fmla="*/ 0 w 8755063"/>
              <a:gd name="connsiteY14" fmla="*/ 2487878 h 2658358"/>
              <a:gd name="connsiteX0" fmla="*/ 0 w 8755063"/>
              <a:gd name="connsiteY0" fmla="*/ 170480 h 2658358"/>
              <a:gd name="connsiteX1" fmla="*/ 0 w 8755063"/>
              <a:gd name="connsiteY1" fmla="*/ 0 h 2658358"/>
              <a:gd name="connsiteX2" fmla="*/ 170480 w 8755063"/>
              <a:gd name="connsiteY2" fmla="*/ 0 h 2658358"/>
              <a:gd name="connsiteX3" fmla="*/ 1009650 w 8755063"/>
              <a:gd name="connsiteY3" fmla="*/ 0 h 2658358"/>
              <a:gd name="connsiteX4" fmla="*/ 7745413 w 8755063"/>
              <a:gd name="connsiteY4" fmla="*/ 0 h 2658358"/>
              <a:gd name="connsiteX5" fmla="*/ 8584583 w 8755063"/>
              <a:gd name="connsiteY5" fmla="*/ 0 h 2658358"/>
              <a:gd name="connsiteX6" fmla="*/ 8755063 w 8755063"/>
              <a:gd name="connsiteY6" fmla="*/ 0 h 2658358"/>
              <a:gd name="connsiteX7" fmla="*/ 8755063 w 8755063"/>
              <a:gd name="connsiteY7" fmla="*/ 170480 h 2658358"/>
              <a:gd name="connsiteX8" fmla="*/ 8755063 w 8755063"/>
              <a:gd name="connsiteY8" fmla="*/ 1162050 h 2658358"/>
              <a:gd name="connsiteX9" fmla="*/ 8755063 w 8755063"/>
              <a:gd name="connsiteY9" fmla="*/ 2487878 h 2658358"/>
              <a:gd name="connsiteX10" fmla="*/ 8584583 w 8755063"/>
              <a:gd name="connsiteY10" fmla="*/ 2658358 h 2658358"/>
              <a:gd name="connsiteX11" fmla="*/ 1009650 w 8755063"/>
              <a:gd name="connsiteY11" fmla="*/ 2658358 h 2658358"/>
              <a:gd name="connsiteX12" fmla="*/ 170480 w 8755063"/>
              <a:gd name="connsiteY12" fmla="*/ 2658358 h 2658358"/>
              <a:gd name="connsiteX13" fmla="*/ 0 w 8755063"/>
              <a:gd name="connsiteY13" fmla="*/ 2658358 h 2658358"/>
              <a:gd name="connsiteX0" fmla="*/ 0 w 8755063"/>
              <a:gd name="connsiteY0" fmla="*/ 0 h 2658358"/>
              <a:gd name="connsiteX1" fmla="*/ 170480 w 8755063"/>
              <a:gd name="connsiteY1" fmla="*/ 0 h 2658358"/>
              <a:gd name="connsiteX2" fmla="*/ 1009650 w 8755063"/>
              <a:gd name="connsiteY2" fmla="*/ 0 h 2658358"/>
              <a:gd name="connsiteX3" fmla="*/ 7745413 w 8755063"/>
              <a:gd name="connsiteY3" fmla="*/ 0 h 2658358"/>
              <a:gd name="connsiteX4" fmla="*/ 8584583 w 8755063"/>
              <a:gd name="connsiteY4" fmla="*/ 0 h 2658358"/>
              <a:gd name="connsiteX5" fmla="*/ 8755063 w 8755063"/>
              <a:gd name="connsiteY5" fmla="*/ 0 h 2658358"/>
              <a:gd name="connsiteX6" fmla="*/ 8755063 w 8755063"/>
              <a:gd name="connsiteY6" fmla="*/ 170480 h 2658358"/>
              <a:gd name="connsiteX7" fmla="*/ 8755063 w 8755063"/>
              <a:gd name="connsiteY7" fmla="*/ 1162050 h 2658358"/>
              <a:gd name="connsiteX8" fmla="*/ 8755063 w 8755063"/>
              <a:gd name="connsiteY8" fmla="*/ 2487878 h 2658358"/>
              <a:gd name="connsiteX9" fmla="*/ 8584583 w 8755063"/>
              <a:gd name="connsiteY9" fmla="*/ 2658358 h 2658358"/>
              <a:gd name="connsiteX10" fmla="*/ 1009650 w 8755063"/>
              <a:gd name="connsiteY10" fmla="*/ 2658358 h 2658358"/>
              <a:gd name="connsiteX11" fmla="*/ 170480 w 8755063"/>
              <a:gd name="connsiteY11" fmla="*/ 2658358 h 2658358"/>
              <a:gd name="connsiteX12" fmla="*/ 0 w 8755063"/>
              <a:gd name="connsiteY12" fmla="*/ 2658358 h 2658358"/>
              <a:gd name="connsiteX0" fmla="*/ 0 w 8755063"/>
              <a:gd name="connsiteY0" fmla="*/ 0 h 2658358"/>
              <a:gd name="connsiteX1" fmla="*/ 170480 w 8755063"/>
              <a:gd name="connsiteY1" fmla="*/ 0 h 2658358"/>
              <a:gd name="connsiteX2" fmla="*/ 7745413 w 8755063"/>
              <a:gd name="connsiteY2" fmla="*/ 0 h 2658358"/>
              <a:gd name="connsiteX3" fmla="*/ 8584583 w 8755063"/>
              <a:gd name="connsiteY3" fmla="*/ 0 h 2658358"/>
              <a:gd name="connsiteX4" fmla="*/ 8755063 w 8755063"/>
              <a:gd name="connsiteY4" fmla="*/ 0 h 2658358"/>
              <a:gd name="connsiteX5" fmla="*/ 8755063 w 8755063"/>
              <a:gd name="connsiteY5" fmla="*/ 170480 h 2658358"/>
              <a:gd name="connsiteX6" fmla="*/ 8755063 w 8755063"/>
              <a:gd name="connsiteY6" fmla="*/ 1162050 h 2658358"/>
              <a:gd name="connsiteX7" fmla="*/ 8755063 w 8755063"/>
              <a:gd name="connsiteY7" fmla="*/ 2487878 h 2658358"/>
              <a:gd name="connsiteX8" fmla="*/ 8584583 w 8755063"/>
              <a:gd name="connsiteY8" fmla="*/ 2658358 h 2658358"/>
              <a:gd name="connsiteX9" fmla="*/ 1009650 w 8755063"/>
              <a:gd name="connsiteY9" fmla="*/ 2658358 h 2658358"/>
              <a:gd name="connsiteX10" fmla="*/ 170480 w 8755063"/>
              <a:gd name="connsiteY10" fmla="*/ 2658358 h 2658358"/>
              <a:gd name="connsiteX11" fmla="*/ 0 w 8755063"/>
              <a:gd name="connsiteY11" fmla="*/ 2658358 h 2658358"/>
              <a:gd name="connsiteX0" fmla="*/ 0 w 8755063"/>
              <a:gd name="connsiteY0" fmla="*/ 0 h 2658358"/>
              <a:gd name="connsiteX1" fmla="*/ 7745413 w 8755063"/>
              <a:gd name="connsiteY1" fmla="*/ 0 h 2658358"/>
              <a:gd name="connsiteX2" fmla="*/ 8584583 w 8755063"/>
              <a:gd name="connsiteY2" fmla="*/ 0 h 2658358"/>
              <a:gd name="connsiteX3" fmla="*/ 8755063 w 8755063"/>
              <a:gd name="connsiteY3" fmla="*/ 0 h 2658358"/>
              <a:gd name="connsiteX4" fmla="*/ 8755063 w 8755063"/>
              <a:gd name="connsiteY4" fmla="*/ 170480 h 2658358"/>
              <a:gd name="connsiteX5" fmla="*/ 8755063 w 8755063"/>
              <a:gd name="connsiteY5" fmla="*/ 1162050 h 2658358"/>
              <a:gd name="connsiteX6" fmla="*/ 8755063 w 8755063"/>
              <a:gd name="connsiteY6" fmla="*/ 2487878 h 2658358"/>
              <a:gd name="connsiteX7" fmla="*/ 8584583 w 8755063"/>
              <a:gd name="connsiteY7" fmla="*/ 2658358 h 2658358"/>
              <a:gd name="connsiteX8" fmla="*/ 1009650 w 8755063"/>
              <a:gd name="connsiteY8" fmla="*/ 2658358 h 2658358"/>
              <a:gd name="connsiteX9" fmla="*/ 170480 w 8755063"/>
              <a:gd name="connsiteY9" fmla="*/ 2658358 h 2658358"/>
              <a:gd name="connsiteX10" fmla="*/ 0 w 8755063"/>
              <a:gd name="connsiteY10" fmla="*/ 2658358 h 2658358"/>
              <a:gd name="connsiteX0" fmla="*/ 7745413 w 8755063"/>
              <a:gd name="connsiteY0" fmla="*/ 0 h 2658358"/>
              <a:gd name="connsiteX1" fmla="*/ 8584583 w 8755063"/>
              <a:gd name="connsiteY1" fmla="*/ 0 h 2658358"/>
              <a:gd name="connsiteX2" fmla="*/ 8755063 w 8755063"/>
              <a:gd name="connsiteY2" fmla="*/ 0 h 2658358"/>
              <a:gd name="connsiteX3" fmla="*/ 8755063 w 8755063"/>
              <a:gd name="connsiteY3" fmla="*/ 170480 h 2658358"/>
              <a:gd name="connsiteX4" fmla="*/ 8755063 w 8755063"/>
              <a:gd name="connsiteY4" fmla="*/ 1162050 h 2658358"/>
              <a:gd name="connsiteX5" fmla="*/ 8755063 w 8755063"/>
              <a:gd name="connsiteY5" fmla="*/ 2487878 h 2658358"/>
              <a:gd name="connsiteX6" fmla="*/ 8584583 w 8755063"/>
              <a:gd name="connsiteY6" fmla="*/ 2658358 h 2658358"/>
              <a:gd name="connsiteX7" fmla="*/ 1009650 w 8755063"/>
              <a:gd name="connsiteY7" fmla="*/ 2658358 h 2658358"/>
              <a:gd name="connsiteX8" fmla="*/ 170480 w 8755063"/>
              <a:gd name="connsiteY8" fmla="*/ 2658358 h 2658358"/>
              <a:gd name="connsiteX9" fmla="*/ 0 w 8755063"/>
              <a:gd name="connsiteY9" fmla="*/ 2658358 h 2658358"/>
              <a:gd name="connsiteX0" fmla="*/ 8584583 w 8755063"/>
              <a:gd name="connsiteY0" fmla="*/ 0 h 2658358"/>
              <a:gd name="connsiteX1" fmla="*/ 8755063 w 8755063"/>
              <a:gd name="connsiteY1" fmla="*/ 0 h 2658358"/>
              <a:gd name="connsiteX2" fmla="*/ 8755063 w 8755063"/>
              <a:gd name="connsiteY2" fmla="*/ 170480 h 2658358"/>
              <a:gd name="connsiteX3" fmla="*/ 8755063 w 8755063"/>
              <a:gd name="connsiteY3" fmla="*/ 1162050 h 2658358"/>
              <a:gd name="connsiteX4" fmla="*/ 8755063 w 8755063"/>
              <a:gd name="connsiteY4" fmla="*/ 2487878 h 2658358"/>
              <a:gd name="connsiteX5" fmla="*/ 8584583 w 8755063"/>
              <a:gd name="connsiteY5" fmla="*/ 2658358 h 2658358"/>
              <a:gd name="connsiteX6" fmla="*/ 1009650 w 8755063"/>
              <a:gd name="connsiteY6" fmla="*/ 2658358 h 2658358"/>
              <a:gd name="connsiteX7" fmla="*/ 170480 w 8755063"/>
              <a:gd name="connsiteY7" fmla="*/ 2658358 h 2658358"/>
              <a:gd name="connsiteX8" fmla="*/ 0 w 8755063"/>
              <a:gd name="connsiteY8" fmla="*/ 2658358 h 2658358"/>
              <a:gd name="connsiteX0" fmla="*/ 8755063 w 8755063"/>
              <a:gd name="connsiteY0" fmla="*/ 0 h 2658358"/>
              <a:gd name="connsiteX1" fmla="*/ 8755063 w 8755063"/>
              <a:gd name="connsiteY1" fmla="*/ 170480 h 2658358"/>
              <a:gd name="connsiteX2" fmla="*/ 8755063 w 8755063"/>
              <a:gd name="connsiteY2" fmla="*/ 1162050 h 2658358"/>
              <a:gd name="connsiteX3" fmla="*/ 8755063 w 8755063"/>
              <a:gd name="connsiteY3" fmla="*/ 2487878 h 2658358"/>
              <a:gd name="connsiteX4" fmla="*/ 8584583 w 8755063"/>
              <a:gd name="connsiteY4" fmla="*/ 2658358 h 2658358"/>
              <a:gd name="connsiteX5" fmla="*/ 1009650 w 8755063"/>
              <a:gd name="connsiteY5" fmla="*/ 2658358 h 2658358"/>
              <a:gd name="connsiteX6" fmla="*/ 170480 w 8755063"/>
              <a:gd name="connsiteY6" fmla="*/ 2658358 h 2658358"/>
              <a:gd name="connsiteX7" fmla="*/ 0 w 8755063"/>
              <a:gd name="connsiteY7" fmla="*/ 2658358 h 26583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8755063" h="2658358">
                <a:moveTo>
                  <a:pt x="8755063" y="0"/>
                </a:moveTo>
                <a:lnTo>
                  <a:pt x="8755063" y="170480"/>
                </a:lnTo>
                <a:lnTo>
                  <a:pt x="8755063" y="1162050"/>
                </a:lnTo>
                <a:lnTo>
                  <a:pt x="8755063" y="2487878"/>
                </a:lnTo>
                <a:cubicBezTo>
                  <a:pt x="8755063" y="2582032"/>
                  <a:pt x="8678737" y="2658358"/>
                  <a:pt x="8584583" y="2658358"/>
                </a:cubicBezTo>
                <a:lnTo>
                  <a:pt x="1009650" y="2658358"/>
                </a:lnTo>
                <a:lnTo>
                  <a:pt x="170480" y="2658358"/>
                </a:lnTo>
                <a:lnTo>
                  <a:pt x="0" y="2658358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37" name="Kombinationstegning: figur 36">
            <a:extLst>
              <a:ext uri="{FF2B5EF4-FFF2-40B4-BE49-F238E27FC236}">
                <a16:creationId xmlns:a16="http://schemas.microsoft.com/office/drawing/2014/main" id="{CBEC9A72-2B6F-4DB6-32FC-DB444A5AD36D}"/>
              </a:ext>
            </a:extLst>
          </p:cNvPr>
          <p:cNvSpPr/>
          <p:nvPr userDrawn="1"/>
        </p:nvSpPr>
        <p:spPr>
          <a:xfrm>
            <a:off x="6224588" y="2917009"/>
            <a:ext cx="3295270" cy="3824359"/>
          </a:xfrm>
          <a:custGeom>
            <a:avLst/>
            <a:gdLst>
              <a:gd name="connsiteX0" fmla="*/ 0 w 3295270"/>
              <a:gd name="connsiteY0" fmla="*/ 0 h 3824359"/>
              <a:gd name="connsiteX1" fmla="*/ 174386 w 3295270"/>
              <a:gd name="connsiteY1" fmla="*/ 0 h 3824359"/>
              <a:gd name="connsiteX2" fmla="*/ 1009650 w 3295270"/>
              <a:gd name="connsiteY2" fmla="*/ 0 h 3824359"/>
              <a:gd name="connsiteX3" fmla="*/ 3120884 w 3295270"/>
              <a:gd name="connsiteY3" fmla="*/ 0 h 3824359"/>
              <a:gd name="connsiteX4" fmla="*/ 3295270 w 3295270"/>
              <a:gd name="connsiteY4" fmla="*/ 174386 h 3824359"/>
              <a:gd name="connsiteX5" fmla="*/ 3295270 w 3295270"/>
              <a:gd name="connsiteY5" fmla="*/ 3649973 h 3824359"/>
              <a:gd name="connsiteX6" fmla="*/ 3120884 w 3295270"/>
              <a:gd name="connsiteY6" fmla="*/ 3824359 h 3824359"/>
              <a:gd name="connsiteX7" fmla="*/ 174386 w 3295270"/>
              <a:gd name="connsiteY7" fmla="*/ 3824359 h 3824359"/>
              <a:gd name="connsiteX8" fmla="*/ 0 w 3295270"/>
              <a:gd name="connsiteY8" fmla="*/ 3649973 h 3824359"/>
              <a:gd name="connsiteX9" fmla="*/ 0 w 3295270"/>
              <a:gd name="connsiteY9" fmla="*/ 1162050 h 3824359"/>
              <a:gd name="connsiteX10" fmla="*/ 0 w 3295270"/>
              <a:gd name="connsiteY10" fmla="*/ 174386 h 38243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3295270" h="3824359">
                <a:moveTo>
                  <a:pt x="0" y="0"/>
                </a:moveTo>
                <a:lnTo>
                  <a:pt x="174386" y="0"/>
                </a:lnTo>
                <a:lnTo>
                  <a:pt x="1009650" y="0"/>
                </a:lnTo>
                <a:lnTo>
                  <a:pt x="3120884" y="0"/>
                </a:lnTo>
                <a:cubicBezTo>
                  <a:pt x="3217195" y="0"/>
                  <a:pt x="3295270" y="78075"/>
                  <a:pt x="3295270" y="174386"/>
                </a:cubicBezTo>
                <a:lnTo>
                  <a:pt x="3295270" y="3649973"/>
                </a:lnTo>
                <a:cubicBezTo>
                  <a:pt x="3295270" y="3746284"/>
                  <a:pt x="3217195" y="3824359"/>
                  <a:pt x="3120884" y="3824359"/>
                </a:cubicBezTo>
                <a:lnTo>
                  <a:pt x="174386" y="3824359"/>
                </a:lnTo>
                <a:cubicBezTo>
                  <a:pt x="78075" y="3824359"/>
                  <a:pt x="0" y="3746284"/>
                  <a:pt x="0" y="3649973"/>
                </a:cubicBezTo>
                <a:lnTo>
                  <a:pt x="0" y="1162050"/>
                </a:lnTo>
                <a:lnTo>
                  <a:pt x="0" y="174386"/>
                </a:lnTo>
                <a:close/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36" name="Kombinationstegning: figur 35">
            <a:extLst>
              <a:ext uri="{FF2B5EF4-FFF2-40B4-BE49-F238E27FC236}">
                <a16:creationId xmlns:a16="http://schemas.microsoft.com/office/drawing/2014/main" id="{D60EE587-2189-29D3-95AB-B3CFE0CD4DA4}"/>
              </a:ext>
            </a:extLst>
          </p:cNvPr>
          <p:cNvSpPr/>
          <p:nvPr userDrawn="1"/>
        </p:nvSpPr>
        <p:spPr>
          <a:xfrm>
            <a:off x="9780954" y="2917009"/>
            <a:ext cx="2411045" cy="2412637"/>
          </a:xfrm>
          <a:custGeom>
            <a:avLst/>
            <a:gdLst>
              <a:gd name="connsiteX0" fmla="*/ 0 w 2411045"/>
              <a:gd name="connsiteY0" fmla="*/ 0 h 2412637"/>
              <a:gd name="connsiteX1" fmla="*/ 180322 w 2411045"/>
              <a:gd name="connsiteY1" fmla="*/ 0 h 2412637"/>
              <a:gd name="connsiteX2" fmla="*/ 1009650 w 2411045"/>
              <a:gd name="connsiteY2" fmla="*/ 0 h 2412637"/>
              <a:gd name="connsiteX3" fmla="*/ 1401395 w 2411045"/>
              <a:gd name="connsiteY3" fmla="*/ 0 h 2412637"/>
              <a:gd name="connsiteX4" fmla="*/ 2230723 w 2411045"/>
              <a:gd name="connsiteY4" fmla="*/ 0 h 2412637"/>
              <a:gd name="connsiteX5" fmla="*/ 2411045 w 2411045"/>
              <a:gd name="connsiteY5" fmla="*/ 0 h 2412637"/>
              <a:gd name="connsiteX6" fmla="*/ 2411045 w 2411045"/>
              <a:gd name="connsiteY6" fmla="*/ 180322 h 2412637"/>
              <a:gd name="connsiteX7" fmla="*/ 2411045 w 2411045"/>
              <a:gd name="connsiteY7" fmla="*/ 1162050 h 2412637"/>
              <a:gd name="connsiteX8" fmla="*/ 2411045 w 2411045"/>
              <a:gd name="connsiteY8" fmla="*/ 1250587 h 2412637"/>
              <a:gd name="connsiteX9" fmla="*/ 2411045 w 2411045"/>
              <a:gd name="connsiteY9" fmla="*/ 2232315 h 2412637"/>
              <a:gd name="connsiteX10" fmla="*/ 2411045 w 2411045"/>
              <a:gd name="connsiteY10" fmla="*/ 2412637 h 2412637"/>
              <a:gd name="connsiteX11" fmla="*/ 2230723 w 2411045"/>
              <a:gd name="connsiteY11" fmla="*/ 2412637 h 2412637"/>
              <a:gd name="connsiteX12" fmla="*/ 1401395 w 2411045"/>
              <a:gd name="connsiteY12" fmla="*/ 2412637 h 2412637"/>
              <a:gd name="connsiteX13" fmla="*/ 180322 w 2411045"/>
              <a:gd name="connsiteY13" fmla="*/ 2412637 h 2412637"/>
              <a:gd name="connsiteX14" fmla="*/ 0 w 2411045"/>
              <a:gd name="connsiteY14" fmla="*/ 2232315 h 2412637"/>
              <a:gd name="connsiteX15" fmla="*/ 0 w 2411045"/>
              <a:gd name="connsiteY15" fmla="*/ 1162050 h 2412637"/>
              <a:gd name="connsiteX16" fmla="*/ 0 w 2411045"/>
              <a:gd name="connsiteY16" fmla="*/ 180322 h 2412637"/>
              <a:gd name="connsiteX0" fmla="*/ 2411045 w 2502485"/>
              <a:gd name="connsiteY0" fmla="*/ 180322 h 2412637"/>
              <a:gd name="connsiteX1" fmla="*/ 2411045 w 2502485"/>
              <a:gd name="connsiteY1" fmla="*/ 1162050 h 2412637"/>
              <a:gd name="connsiteX2" fmla="*/ 2411045 w 2502485"/>
              <a:gd name="connsiteY2" fmla="*/ 1250587 h 2412637"/>
              <a:gd name="connsiteX3" fmla="*/ 2411045 w 2502485"/>
              <a:gd name="connsiteY3" fmla="*/ 2232315 h 2412637"/>
              <a:gd name="connsiteX4" fmla="*/ 2411045 w 2502485"/>
              <a:gd name="connsiteY4" fmla="*/ 2412637 h 2412637"/>
              <a:gd name="connsiteX5" fmla="*/ 2230723 w 2502485"/>
              <a:gd name="connsiteY5" fmla="*/ 2412637 h 2412637"/>
              <a:gd name="connsiteX6" fmla="*/ 1401395 w 2502485"/>
              <a:gd name="connsiteY6" fmla="*/ 2412637 h 2412637"/>
              <a:gd name="connsiteX7" fmla="*/ 180322 w 2502485"/>
              <a:gd name="connsiteY7" fmla="*/ 2412637 h 2412637"/>
              <a:gd name="connsiteX8" fmla="*/ 0 w 2502485"/>
              <a:gd name="connsiteY8" fmla="*/ 2232315 h 2412637"/>
              <a:gd name="connsiteX9" fmla="*/ 0 w 2502485"/>
              <a:gd name="connsiteY9" fmla="*/ 1162050 h 2412637"/>
              <a:gd name="connsiteX10" fmla="*/ 0 w 2502485"/>
              <a:gd name="connsiteY10" fmla="*/ 180322 h 2412637"/>
              <a:gd name="connsiteX11" fmla="*/ 0 w 2502485"/>
              <a:gd name="connsiteY11" fmla="*/ 0 h 2412637"/>
              <a:gd name="connsiteX12" fmla="*/ 180322 w 2502485"/>
              <a:gd name="connsiteY12" fmla="*/ 0 h 2412637"/>
              <a:gd name="connsiteX13" fmla="*/ 1009650 w 2502485"/>
              <a:gd name="connsiteY13" fmla="*/ 0 h 2412637"/>
              <a:gd name="connsiteX14" fmla="*/ 1401395 w 2502485"/>
              <a:gd name="connsiteY14" fmla="*/ 0 h 2412637"/>
              <a:gd name="connsiteX15" fmla="*/ 2230723 w 2502485"/>
              <a:gd name="connsiteY15" fmla="*/ 0 h 2412637"/>
              <a:gd name="connsiteX16" fmla="*/ 2411045 w 2502485"/>
              <a:gd name="connsiteY16" fmla="*/ 0 h 2412637"/>
              <a:gd name="connsiteX17" fmla="*/ 2502485 w 2502485"/>
              <a:gd name="connsiteY17" fmla="*/ 271762 h 2412637"/>
              <a:gd name="connsiteX0" fmla="*/ 2411045 w 2411045"/>
              <a:gd name="connsiteY0" fmla="*/ 180322 h 2412637"/>
              <a:gd name="connsiteX1" fmla="*/ 2411045 w 2411045"/>
              <a:gd name="connsiteY1" fmla="*/ 1162050 h 2412637"/>
              <a:gd name="connsiteX2" fmla="*/ 2411045 w 2411045"/>
              <a:gd name="connsiteY2" fmla="*/ 1250587 h 2412637"/>
              <a:gd name="connsiteX3" fmla="*/ 2411045 w 2411045"/>
              <a:gd name="connsiteY3" fmla="*/ 2232315 h 2412637"/>
              <a:gd name="connsiteX4" fmla="*/ 2411045 w 2411045"/>
              <a:gd name="connsiteY4" fmla="*/ 2412637 h 2412637"/>
              <a:gd name="connsiteX5" fmla="*/ 2230723 w 2411045"/>
              <a:gd name="connsiteY5" fmla="*/ 2412637 h 2412637"/>
              <a:gd name="connsiteX6" fmla="*/ 1401395 w 2411045"/>
              <a:gd name="connsiteY6" fmla="*/ 2412637 h 2412637"/>
              <a:gd name="connsiteX7" fmla="*/ 180322 w 2411045"/>
              <a:gd name="connsiteY7" fmla="*/ 2412637 h 2412637"/>
              <a:gd name="connsiteX8" fmla="*/ 0 w 2411045"/>
              <a:gd name="connsiteY8" fmla="*/ 2232315 h 2412637"/>
              <a:gd name="connsiteX9" fmla="*/ 0 w 2411045"/>
              <a:gd name="connsiteY9" fmla="*/ 1162050 h 2412637"/>
              <a:gd name="connsiteX10" fmla="*/ 0 w 2411045"/>
              <a:gd name="connsiteY10" fmla="*/ 180322 h 2412637"/>
              <a:gd name="connsiteX11" fmla="*/ 0 w 2411045"/>
              <a:gd name="connsiteY11" fmla="*/ 0 h 2412637"/>
              <a:gd name="connsiteX12" fmla="*/ 180322 w 2411045"/>
              <a:gd name="connsiteY12" fmla="*/ 0 h 2412637"/>
              <a:gd name="connsiteX13" fmla="*/ 1009650 w 2411045"/>
              <a:gd name="connsiteY13" fmla="*/ 0 h 2412637"/>
              <a:gd name="connsiteX14" fmla="*/ 1401395 w 2411045"/>
              <a:gd name="connsiteY14" fmla="*/ 0 h 2412637"/>
              <a:gd name="connsiteX15" fmla="*/ 2230723 w 2411045"/>
              <a:gd name="connsiteY15" fmla="*/ 0 h 2412637"/>
              <a:gd name="connsiteX16" fmla="*/ 2411045 w 2411045"/>
              <a:gd name="connsiteY16" fmla="*/ 0 h 2412637"/>
              <a:gd name="connsiteX0" fmla="*/ 2411045 w 2411045"/>
              <a:gd name="connsiteY0" fmla="*/ 1162050 h 2412637"/>
              <a:gd name="connsiteX1" fmla="*/ 2411045 w 2411045"/>
              <a:gd name="connsiteY1" fmla="*/ 1250587 h 2412637"/>
              <a:gd name="connsiteX2" fmla="*/ 2411045 w 2411045"/>
              <a:gd name="connsiteY2" fmla="*/ 2232315 h 2412637"/>
              <a:gd name="connsiteX3" fmla="*/ 2411045 w 2411045"/>
              <a:gd name="connsiteY3" fmla="*/ 2412637 h 2412637"/>
              <a:gd name="connsiteX4" fmla="*/ 2230723 w 2411045"/>
              <a:gd name="connsiteY4" fmla="*/ 2412637 h 2412637"/>
              <a:gd name="connsiteX5" fmla="*/ 1401395 w 2411045"/>
              <a:gd name="connsiteY5" fmla="*/ 2412637 h 2412637"/>
              <a:gd name="connsiteX6" fmla="*/ 180322 w 2411045"/>
              <a:gd name="connsiteY6" fmla="*/ 2412637 h 2412637"/>
              <a:gd name="connsiteX7" fmla="*/ 0 w 2411045"/>
              <a:gd name="connsiteY7" fmla="*/ 2232315 h 2412637"/>
              <a:gd name="connsiteX8" fmla="*/ 0 w 2411045"/>
              <a:gd name="connsiteY8" fmla="*/ 1162050 h 2412637"/>
              <a:gd name="connsiteX9" fmla="*/ 0 w 2411045"/>
              <a:gd name="connsiteY9" fmla="*/ 180322 h 2412637"/>
              <a:gd name="connsiteX10" fmla="*/ 0 w 2411045"/>
              <a:gd name="connsiteY10" fmla="*/ 0 h 2412637"/>
              <a:gd name="connsiteX11" fmla="*/ 180322 w 2411045"/>
              <a:gd name="connsiteY11" fmla="*/ 0 h 2412637"/>
              <a:gd name="connsiteX12" fmla="*/ 1009650 w 2411045"/>
              <a:gd name="connsiteY12" fmla="*/ 0 h 2412637"/>
              <a:gd name="connsiteX13" fmla="*/ 1401395 w 2411045"/>
              <a:gd name="connsiteY13" fmla="*/ 0 h 2412637"/>
              <a:gd name="connsiteX14" fmla="*/ 2230723 w 2411045"/>
              <a:gd name="connsiteY14" fmla="*/ 0 h 2412637"/>
              <a:gd name="connsiteX15" fmla="*/ 2411045 w 2411045"/>
              <a:gd name="connsiteY15" fmla="*/ 0 h 2412637"/>
              <a:gd name="connsiteX0" fmla="*/ 2411045 w 2411045"/>
              <a:gd name="connsiteY0" fmla="*/ 1250587 h 2412637"/>
              <a:gd name="connsiteX1" fmla="*/ 2411045 w 2411045"/>
              <a:gd name="connsiteY1" fmla="*/ 2232315 h 2412637"/>
              <a:gd name="connsiteX2" fmla="*/ 2411045 w 2411045"/>
              <a:gd name="connsiteY2" fmla="*/ 2412637 h 2412637"/>
              <a:gd name="connsiteX3" fmla="*/ 2230723 w 2411045"/>
              <a:gd name="connsiteY3" fmla="*/ 2412637 h 2412637"/>
              <a:gd name="connsiteX4" fmla="*/ 1401395 w 2411045"/>
              <a:gd name="connsiteY4" fmla="*/ 2412637 h 2412637"/>
              <a:gd name="connsiteX5" fmla="*/ 180322 w 2411045"/>
              <a:gd name="connsiteY5" fmla="*/ 2412637 h 2412637"/>
              <a:gd name="connsiteX6" fmla="*/ 0 w 2411045"/>
              <a:gd name="connsiteY6" fmla="*/ 2232315 h 2412637"/>
              <a:gd name="connsiteX7" fmla="*/ 0 w 2411045"/>
              <a:gd name="connsiteY7" fmla="*/ 1162050 h 2412637"/>
              <a:gd name="connsiteX8" fmla="*/ 0 w 2411045"/>
              <a:gd name="connsiteY8" fmla="*/ 180322 h 2412637"/>
              <a:gd name="connsiteX9" fmla="*/ 0 w 2411045"/>
              <a:gd name="connsiteY9" fmla="*/ 0 h 2412637"/>
              <a:gd name="connsiteX10" fmla="*/ 180322 w 2411045"/>
              <a:gd name="connsiteY10" fmla="*/ 0 h 2412637"/>
              <a:gd name="connsiteX11" fmla="*/ 1009650 w 2411045"/>
              <a:gd name="connsiteY11" fmla="*/ 0 h 2412637"/>
              <a:gd name="connsiteX12" fmla="*/ 1401395 w 2411045"/>
              <a:gd name="connsiteY12" fmla="*/ 0 h 2412637"/>
              <a:gd name="connsiteX13" fmla="*/ 2230723 w 2411045"/>
              <a:gd name="connsiteY13" fmla="*/ 0 h 2412637"/>
              <a:gd name="connsiteX14" fmla="*/ 2411045 w 2411045"/>
              <a:gd name="connsiteY14" fmla="*/ 0 h 2412637"/>
              <a:gd name="connsiteX0" fmla="*/ 2411045 w 2411045"/>
              <a:gd name="connsiteY0" fmla="*/ 2232315 h 2412637"/>
              <a:gd name="connsiteX1" fmla="*/ 2411045 w 2411045"/>
              <a:gd name="connsiteY1" fmla="*/ 2412637 h 2412637"/>
              <a:gd name="connsiteX2" fmla="*/ 2230723 w 2411045"/>
              <a:gd name="connsiteY2" fmla="*/ 2412637 h 2412637"/>
              <a:gd name="connsiteX3" fmla="*/ 1401395 w 2411045"/>
              <a:gd name="connsiteY3" fmla="*/ 2412637 h 2412637"/>
              <a:gd name="connsiteX4" fmla="*/ 180322 w 2411045"/>
              <a:gd name="connsiteY4" fmla="*/ 2412637 h 2412637"/>
              <a:gd name="connsiteX5" fmla="*/ 0 w 2411045"/>
              <a:gd name="connsiteY5" fmla="*/ 2232315 h 2412637"/>
              <a:gd name="connsiteX6" fmla="*/ 0 w 2411045"/>
              <a:gd name="connsiteY6" fmla="*/ 1162050 h 2412637"/>
              <a:gd name="connsiteX7" fmla="*/ 0 w 2411045"/>
              <a:gd name="connsiteY7" fmla="*/ 180322 h 2412637"/>
              <a:gd name="connsiteX8" fmla="*/ 0 w 2411045"/>
              <a:gd name="connsiteY8" fmla="*/ 0 h 2412637"/>
              <a:gd name="connsiteX9" fmla="*/ 180322 w 2411045"/>
              <a:gd name="connsiteY9" fmla="*/ 0 h 2412637"/>
              <a:gd name="connsiteX10" fmla="*/ 1009650 w 2411045"/>
              <a:gd name="connsiteY10" fmla="*/ 0 h 2412637"/>
              <a:gd name="connsiteX11" fmla="*/ 1401395 w 2411045"/>
              <a:gd name="connsiteY11" fmla="*/ 0 h 2412637"/>
              <a:gd name="connsiteX12" fmla="*/ 2230723 w 2411045"/>
              <a:gd name="connsiteY12" fmla="*/ 0 h 2412637"/>
              <a:gd name="connsiteX13" fmla="*/ 2411045 w 2411045"/>
              <a:gd name="connsiteY13" fmla="*/ 0 h 2412637"/>
              <a:gd name="connsiteX0" fmla="*/ 2411045 w 2411045"/>
              <a:gd name="connsiteY0" fmla="*/ 2412637 h 2412637"/>
              <a:gd name="connsiteX1" fmla="*/ 2230723 w 2411045"/>
              <a:gd name="connsiteY1" fmla="*/ 2412637 h 2412637"/>
              <a:gd name="connsiteX2" fmla="*/ 1401395 w 2411045"/>
              <a:gd name="connsiteY2" fmla="*/ 2412637 h 2412637"/>
              <a:gd name="connsiteX3" fmla="*/ 180322 w 2411045"/>
              <a:gd name="connsiteY3" fmla="*/ 2412637 h 2412637"/>
              <a:gd name="connsiteX4" fmla="*/ 0 w 2411045"/>
              <a:gd name="connsiteY4" fmla="*/ 2232315 h 2412637"/>
              <a:gd name="connsiteX5" fmla="*/ 0 w 2411045"/>
              <a:gd name="connsiteY5" fmla="*/ 1162050 h 2412637"/>
              <a:gd name="connsiteX6" fmla="*/ 0 w 2411045"/>
              <a:gd name="connsiteY6" fmla="*/ 180322 h 2412637"/>
              <a:gd name="connsiteX7" fmla="*/ 0 w 2411045"/>
              <a:gd name="connsiteY7" fmla="*/ 0 h 2412637"/>
              <a:gd name="connsiteX8" fmla="*/ 180322 w 2411045"/>
              <a:gd name="connsiteY8" fmla="*/ 0 h 2412637"/>
              <a:gd name="connsiteX9" fmla="*/ 1009650 w 2411045"/>
              <a:gd name="connsiteY9" fmla="*/ 0 h 2412637"/>
              <a:gd name="connsiteX10" fmla="*/ 1401395 w 2411045"/>
              <a:gd name="connsiteY10" fmla="*/ 0 h 2412637"/>
              <a:gd name="connsiteX11" fmla="*/ 2230723 w 2411045"/>
              <a:gd name="connsiteY11" fmla="*/ 0 h 2412637"/>
              <a:gd name="connsiteX12" fmla="*/ 2411045 w 2411045"/>
              <a:gd name="connsiteY12" fmla="*/ 0 h 24126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2411045" h="2412637">
                <a:moveTo>
                  <a:pt x="2411045" y="2412637"/>
                </a:moveTo>
                <a:lnTo>
                  <a:pt x="2230723" y="2412637"/>
                </a:lnTo>
                <a:lnTo>
                  <a:pt x="1401395" y="2412637"/>
                </a:lnTo>
                <a:lnTo>
                  <a:pt x="180322" y="2412637"/>
                </a:lnTo>
                <a:cubicBezTo>
                  <a:pt x="80733" y="2412637"/>
                  <a:pt x="0" y="2331904"/>
                  <a:pt x="0" y="2232315"/>
                </a:cubicBezTo>
                <a:lnTo>
                  <a:pt x="0" y="1162050"/>
                </a:lnTo>
                <a:lnTo>
                  <a:pt x="0" y="180322"/>
                </a:lnTo>
                <a:lnTo>
                  <a:pt x="0" y="0"/>
                </a:lnTo>
                <a:lnTo>
                  <a:pt x="180322" y="0"/>
                </a:lnTo>
                <a:lnTo>
                  <a:pt x="1009650" y="0"/>
                </a:lnTo>
                <a:lnTo>
                  <a:pt x="1401395" y="0"/>
                </a:lnTo>
                <a:lnTo>
                  <a:pt x="2230723" y="0"/>
                </a:lnTo>
                <a:lnTo>
                  <a:pt x="2411045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47998" y="647999"/>
            <a:ext cx="7864823" cy="154800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o linjer</a:t>
            </a:r>
          </a:p>
        </p:txBody>
      </p:sp>
      <p:sp>
        <p:nvSpPr>
          <p:cNvPr id="4" name="TextBox 16">
            <a:extLst>
              <a:ext uri="{FF2B5EF4-FFF2-40B4-BE49-F238E27FC236}">
                <a16:creationId xmlns:a16="http://schemas.microsoft.com/office/drawing/2014/main" id="{F0DE24AE-4CF1-6AAE-9434-71C296F5A545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Indsæt et nyt billede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</a:p>
        </p:txBody>
      </p:sp>
      <p:sp>
        <p:nvSpPr>
          <p:cNvPr id="5" name="Kombinationstegning: figur 4">
            <a:extLst>
              <a:ext uri="{FF2B5EF4-FFF2-40B4-BE49-F238E27FC236}">
                <a16:creationId xmlns:a16="http://schemas.microsoft.com/office/drawing/2014/main" id="{77AD0AB1-B695-8A3F-4BBC-52A16EC0F7C1}"/>
              </a:ext>
            </a:extLst>
          </p:cNvPr>
          <p:cNvSpPr/>
          <p:nvPr userDrawn="1"/>
        </p:nvSpPr>
        <p:spPr>
          <a:xfrm flipV="1">
            <a:off x="9013826" y="209451"/>
            <a:ext cx="3178174" cy="2459734"/>
          </a:xfrm>
          <a:custGeom>
            <a:avLst/>
            <a:gdLst>
              <a:gd name="connsiteX0" fmla="*/ 0 w 3178174"/>
              <a:gd name="connsiteY0" fmla="*/ 0 h 2459734"/>
              <a:gd name="connsiteX1" fmla="*/ 179659 w 3178174"/>
              <a:gd name="connsiteY1" fmla="*/ 0 h 2459734"/>
              <a:gd name="connsiteX2" fmla="*/ 1009650 w 3178174"/>
              <a:gd name="connsiteY2" fmla="*/ 0 h 2459734"/>
              <a:gd name="connsiteX3" fmla="*/ 2168523 w 3178174"/>
              <a:gd name="connsiteY3" fmla="*/ 0 h 2459734"/>
              <a:gd name="connsiteX4" fmla="*/ 2998515 w 3178174"/>
              <a:gd name="connsiteY4" fmla="*/ 0 h 2459734"/>
              <a:gd name="connsiteX5" fmla="*/ 3178173 w 3178174"/>
              <a:gd name="connsiteY5" fmla="*/ 0 h 2459734"/>
              <a:gd name="connsiteX6" fmla="*/ 3178173 w 3178174"/>
              <a:gd name="connsiteY6" fmla="*/ 179654 h 2459734"/>
              <a:gd name="connsiteX7" fmla="*/ 3178174 w 3178174"/>
              <a:gd name="connsiteY7" fmla="*/ 179659 h 2459734"/>
              <a:gd name="connsiteX8" fmla="*/ 3178174 w 3178174"/>
              <a:gd name="connsiteY8" fmla="*/ 1297684 h 2459734"/>
              <a:gd name="connsiteX9" fmla="*/ 3178174 w 3178174"/>
              <a:gd name="connsiteY9" fmla="*/ 2280075 h 2459734"/>
              <a:gd name="connsiteX10" fmla="*/ 3178174 w 3178174"/>
              <a:gd name="connsiteY10" fmla="*/ 2459734 h 2459734"/>
              <a:gd name="connsiteX11" fmla="*/ 2998515 w 3178174"/>
              <a:gd name="connsiteY11" fmla="*/ 2459734 h 2459734"/>
              <a:gd name="connsiteX12" fmla="*/ 2168524 w 3178174"/>
              <a:gd name="connsiteY12" fmla="*/ 2459734 h 2459734"/>
              <a:gd name="connsiteX13" fmla="*/ 179659 w 3178174"/>
              <a:gd name="connsiteY13" fmla="*/ 2459734 h 2459734"/>
              <a:gd name="connsiteX14" fmla="*/ 0 w 3178174"/>
              <a:gd name="connsiteY14" fmla="*/ 2280075 h 2459734"/>
              <a:gd name="connsiteX15" fmla="*/ 0 w 3178174"/>
              <a:gd name="connsiteY15" fmla="*/ 1162050 h 2459734"/>
              <a:gd name="connsiteX16" fmla="*/ 0 w 3178174"/>
              <a:gd name="connsiteY16" fmla="*/ 179659 h 2459734"/>
              <a:gd name="connsiteX0" fmla="*/ 3178174 w 3269614"/>
              <a:gd name="connsiteY0" fmla="*/ 179659 h 2459734"/>
              <a:gd name="connsiteX1" fmla="*/ 3178174 w 3269614"/>
              <a:gd name="connsiteY1" fmla="*/ 1297684 h 2459734"/>
              <a:gd name="connsiteX2" fmla="*/ 3178174 w 3269614"/>
              <a:gd name="connsiteY2" fmla="*/ 2280075 h 2459734"/>
              <a:gd name="connsiteX3" fmla="*/ 3178174 w 3269614"/>
              <a:gd name="connsiteY3" fmla="*/ 2459734 h 2459734"/>
              <a:gd name="connsiteX4" fmla="*/ 2998515 w 3269614"/>
              <a:gd name="connsiteY4" fmla="*/ 2459734 h 2459734"/>
              <a:gd name="connsiteX5" fmla="*/ 2168524 w 3269614"/>
              <a:gd name="connsiteY5" fmla="*/ 2459734 h 2459734"/>
              <a:gd name="connsiteX6" fmla="*/ 179659 w 3269614"/>
              <a:gd name="connsiteY6" fmla="*/ 2459734 h 2459734"/>
              <a:gd name="connsiteX7" fmla="*/ 0 w 3269614"/>
              <a:gd name="connsiteY7" fmla="*/ 2280075 h 2459734"/>
              <a:gd name="connsiteX8" fmla="*/ 0 w 3269614"/>
              <a:gd name="connsiteY8" fmla="*/ 1162050 h 2459734"/>
              <a:gd name="connsiteX9" fmla="*/ 0 w 3269614"/>
              <a:gd name="connsiteY9" fmla="*/ 179659 h 2459734"/>
              <a:gd name="connsiteX10" fmla="*/ 0 w 3269614"/>
              <a:gd name="connsiteY10" fmla="*/ 0 h 2459734"/>
              <a:gd name="connsiteX11" fmla="*/ 179659 w 3269614"/>
              <a:gd name="connsiteY11" fmla="*/ 0 h 2459734"/>
              <a:gd name="connsiteX12" fmla="*/ 1009650 w 3269614"/>
              <a:gd name="connsiteY12" fmla="*/ 0 h 2459734"/>
              <a:gd name="connsiteX13" fmla="*/ 2168523 w 3269614"/>
              <a:gd name="connsiteY13" fmla="*/ 0 h 2459734"/>
              <a:gd name="connsiteX14" fmla="*/ 2998515 w 3269614"/>
              <a:gd name="connsiteY14" fmla="*/ 0 h 2459734"/>
              <a:gd name="connsiteX15" fmla="*/ 3178173 w 3269614"/>
              <a:gd name="connsiteY15" fmla="*/ 0 h 2459734"/>
              <a:gd name="connsiteX16" fmla="*/ 3178173 w 3269614"/>
              <a:gd name="connsiteY16" fmla="*/ 179654 h 2459734"/>
              <a:gd name="connsiteX17" fmla="*/ 3269614 w 3269614"/>
              <a:gd name="connsiteY17" fmla="*/ 271099 h 2459734"/>
              <a:gd name="connsiteX0" fmla="*/ 3178174 w 3269614"/>
              <a:gd name="connsiteY0" fmla="*/ 179659 h 2459734"/>
              <a:gd name="connsiteX1" fmla="*/ 3178174 w 3269614"/>
              <a:gd name="connsiteY1" fmla="*/ 1297684 h 2459734"/>
              <a:gd name="connsiteX2" fmla="*/ 3178174 w 3269614"/>
              <a:gd name="connsiteY2" fmla="*/ 2280075 h 2459734"/>
              <a:gd name="connsiteX3" fmla="*/ 3178174 w 3269614"/>
              <a:gd name="connsiteY3" fmla="*/ 2459734 h 2459734"/>
              <a:gd name="connsiteX4" fmla="*/ 2998515 w 3269614"/>
              <a:gd name="connsiteY4" fmla="*/ 2459734 h 2459734"/>
              <a:gd name="connsiteX5" fmla="*/ 2168524 w 3269614"/>
              <a:gd name="connsiteY5" fmla="*/ 2459734 h 2459734"/>
              <a:gd name="connsiteX6" fmla="*/ 179659 w 3269614"/>
              <a:gd name="connsiteY6" fmla="*/ 2459734 h 2459734"/>
              <a:gd name="connsiteX7" fmla="*/ 0 w 3269614"/>
              <a:gd name="connsiteY7" fmla="*/ 2280075 h 2459734"/>
              <a:gd name="connsiteX8" fmla="*/ 0 w 3269614"/>
              <a:gd name="connsiteY8" fmla="*/ 1162050 h 2459734"/>
              <a:gd name="connsiteX9" fmla="*/ 0 w 3269614"/>
              <a:gd name="connsiteY9" fmla="*/ 179659 h 2459734"/>
              <a:gd name="connsiteX10" fmla="*/ 0 w 3269614"/>
              <a:gd name="connsiteY10" fmla="*/ 0 h 2459734"/>
              <a:gd name="connsiteX11" fmla="*/ 179659 w 3269614"/>
              <a:gd name="connsiteY11" fmla="*/ 0 h 2459734"/>
              <a:gd name="connsiteX12" fmla="*/ 1009650 w 3269614"/>
              <a:gd name="connsiteY12" fmla="*/ 0 h 2459734"/>
              <a:gd name="connsiteX13" fmla="*/ 2168523 w 3269614"/>
              <a:gd name="connsiteY13" fmla="*/ 0 h 2459734"/>
              <a:gd name="connsiteX14" fmla="*/ 2998515 w 3269614"/>
              <a:gd name="connsiteY14" fmla="*/ 0 h 2459734"/>
              <a:gd name="connsiteX15" fmla="*/ 3178173 w 3269614"/>
              <a:gd name="connsiteY15" fmla="*/ 0 h 2459734"/>
              <a:gd name="connsiteX16" fmla="*/ 3269614 w 3269614"/>
              <a:gd name="connsiteY16" fmla="*/ 271099 h 2459734"/>
              <a:gd name="connsiteX0" fmla="*/ 3178174 w 3269614"/>
              <a:gd name="connsiteY0" fmla="*/ 1297684 h 2459734"/>
              <a:gd name="connsiteX1" fmla="*/ 3178174 w 3269614"/>
              <a:gd name="connsiteY1" fmla="*/ 2280075 h 2459734"/>
              <a:gd name="connsiteX2" fmla="*/ 3178174 w 3269614"/>
              <a:gd name="connsiteY2" fmla="*/ 2459734 h 2459734"/>
              <a:gd name="connsiteX3" fmla="*/ 2998515 w 3269614"/>
              <a:gd name="connsiteY3" fmla="*/ 2459734 h 2459734"/>
              <a:gd name="connsiteX4" fmla="*/ 2168524 w 3269614"/>
              <a:gd name="connsiteY4" fmla="*/ 2459734 h 2459734"/>
              <a:gd name="connsiteX5" fmla="*/ 179659 w 3269614"/>
              <a:gd name="connsiteY5" fmla="*/ 2459734 h 2459734"/>
              <a:gd name="connsiteX6" fmla="*/ 0 w 3269614"/>
              <a:gd name="connsiteY6" fmla="*/ 2280075 h 2459734"/>
              <a:gd name="connsiteX7" fmla="*/ 0 w 3269614"/>
              <a:gd name="connsiteY7" fmla="*/ 1162050 h 2459734"/>
              <a:gd name="connsiteX8" fmla="*/ 0 w 3269614"/>
              <a:gd name="connsiteY8" fmla="*/ 179659 h 2459734"/>
              <a:gd name="connsiteX9" fmla="*/ 0 w 3269614"/>
              <a:gd name="connsiteY9" fmla="*/ 0 h 2459734"/>
              <a:gd name="connsiteX10" fmla="*/ 179659 w 3269614"/>
              <a:gd name="connsiteY10" fmla="*/ 0 h 2459734"/>
              <a:gd name="connsiteX11" fmla="*/ 1009650 w 3269614"/>
              <a:gd name="connsiteY11" fmla="*/ 0 h 2459734"/>
              <a:gd name="connsiteX12" fmla="*/ 2168523 w 3269614"/>
              <a:gd name="connsiteY12" fmla="*/ 0 h 2459734"/>
              <a:gd name="connsiteX13" fmla="*/ 2998515 w 3269614"/>
              <a:gd name="connsiteY13" fmla="*/ 0 h 2459734"/>
              <a:gd name="connsiteX14" fmla="*/ 3178173 w 3269614"/>
              <a:gd name="connsiteY14" fmla="*/ 0 h 2459734"/>
              <a:gd name="connsiteX15" fmla="*/ 3269614 w 3269614"/>
              <a:gd name="connsiteY15" fmla="*/ 271099 h 2459734"/>
              <a:gd name="connsiteX0" fmla="*/ 3178174 w 3269614"/>
              <a:gd name="connsiteY0" fmla="*/ 2280075 h 2459734"/>
              <a:gd name="connsiteX1" fmla="*/ 3178174 w 3269614"/>
              <a:gd name="connsiteY1" fmla="*/ 2459734 h 2459734"/>
              <a:gd name="connsiteX2" fmla="*/ 2998515 w 3269614"/>
              <a:gd name="connsiteY2" fmla="*/ 2459734 h 2459734"/>
              <a:gd name="connsiteX3" fmla="*/ 2168524 w 3269614"/>
              <a:gd name="connsiteY3" fmla="*/ 2459734 h 2459734"/>
              <a:gd name="connsiteX4" fmla="*/ 179659 w 3269614"/>
              <a:gd name="connsiteY4" fmla="*/ 2459734 h 2459734"/>
              <a:gd name="connsiteX5" fmla="*/ 0 w 3269614"/>
              <a:gd name="connsiteY5" fmla="*/ 2280075 h 2459734"/>
              <a:gd name="connsiteX6" fmla="*/ 0 w 3269614"/>
              <a:gd name="connsiteY6" fmla="*/ 1162050 h 2459734"/>
              <a:gd name="connsiteX7" fmla="*/ 0 w 3269614"/>
              <a:gd name="connsiteY7" fmla="*/ 179659 h 2459734"/>
              <a:gd name="connsiteX8" fmla="*/ 0 w 3269614"/>
              <a:gd name="connsiteY8" fmla="*/ 0 h 2459734"/>
              <a:gd name="connsiteX9" fmla="*/ 179659 w 3269614"/>
              <a:gd name="connsiteY9" fmla="*/ 0 h 2459734"/>
              <a:gd name="connsiteX10" fmla="*/ 1009650 w 3269614"/>
              <a:gd name="connsiteY10" fmla="*/ 0 h 2459734"/>
              <a:gd name="connsiteX11" fmla="*/ 2168523 w 3269614"/>
              <a:gd name="connsiteY11" fmla="*/ 0 h 2459734"/>
              <a:gd name="connsiteX12" fmla="*/ 2998515 w 3269614"/>
              <a:gd name="connsiteY12" fmla="*/ 0 h 2459734"/>
              <a:gd name="connsiteX13" fmla="*/ 3178173 w 3269614"/>
              <a:gd name="connsiteY13" fmla="*/ 0 h 2459734"/>
              <a:gd name="connsiteX14" fmla="*/ 3269614 w 3269614"/>
              <a:gd name="connsiteY14" fmla="*/ 271099 h 2459734"/>
              <a:gd name="connsiteX0" fmla="*/ 3178174 w 3269614"/>
              <a:gd name="connsiteY0" fmla="*/ 2459734 h 2459734"/>
              <a:gd name="connsiteX1" fmla="*/ 2998515 w 3269614"/>
              <a:gd name="connsiteY1" fmla="*/ 2459734 h 2459734"/>
              <a:gd name="connsiteX2" fmla="*/ 2168524 w 3269614"/>
              <a:gd name="connsiteY2" fmla="*/ 2459734 h 2459734"/>
              <a:gd name="connsiteX3" fmla="*/ 179659 w 3269614"/>
              <a:gd name="connsiteY3" fmla="*/ 2459734 h 2459734"/>
              <a:gd name="connsiteX4" fmla="*/ 0 w 3269614"/>
              <a:gd name="connsiteY4" fmla="*/ 2280075 h 2459734"/>
              <a:gd name="connsiteX5" fmla="*/ 0 w 3269614"/>
              <a:gd name="connsiteY5" fmla="*/ 1162050 h 2459734"/>
              <a:gd name="connsiteX6" fmla="*/ 0 w 3269614"/>
              <a:gd name="connsiteY6" fmla="*/ 179659 h 2459734"/>
              <a:gd name="connsiteX7" fmla="*/ 0 w 3269614"/>
              <a:gd name="connsiteY7" fmla="*/ 0 h 2459734"/>
              <a:gd name="connsiteX8" fmla="*/ 179659 w 3269614"/>
              <a:gd name="connsiteY8" fmla="*/ 0 h 2459734"/>
              <a:gd name="connsiteX9" fmla="*/ 1009650 w 3269614"/>
              <a:gd name="connsiteY9" fmla="*/ 0 h 2459734"/>
              <a:gd name="connsiteX10" fmla="*/ 2168523 w 3269614"/>
              <a:gd name="connsiteY10" fmla="*/ 0 h 2459734"/>
              <a:gd name="connsiteX11" fmla="*/ 2998515 w 3269614"/>
              <a:gd name="connsiteY11" fmla="*/ 0 h 2459734"/>
              <a:gd name="connsiteX12" fmla="*/ 3178173 w 3269614"/>
              <a:gd name="connsiteY12" fmla="*/ 0 h 2459734"/>
              <a:gd name="connsiteX13" fmla="*/ 3269614 w 3269614"/>
              <a:gd name="connsiteY13" fmla="*/ 271099 h 2459734"/>
              <a:gd name="connsiteX0" fmla="*/ 3178174 w 3178174"/>
              <a:gd name="connsiteY0" fmla="*/ 2459734 h 2459734"/>
              <a:gd name="connsiteX1" fmla="*/ 2998515 w 3178174"/>
              <a:gd name="connsiteY1" fmla="*/ 2459734 h 2459734"/>
              <a:gd name="connsiteX2" fmla="*/ 2168524 w 3178174"/>
              <a:gd name="connsiteY2" fmla="*/ 2459734 h 2459734"/>
              <a:gd name="connsiteX3" fmla="*/ 179659 w 3178174"/>
              <a:gd name="connsiteY3" fmla="*/ 2459734 h 2459734"/>
              <a:gd name="connsiteX4" fmla="*/ 0 w 3178174"/>
              <a:gd name="connsiteY4" fmla="*/ 2280075 h 2459734"/>
              <a:gd name="connsiteX5" fmla="*/ 0 w 3178174"/>
              <a:gd name="connsiteY5" fmla="*/ 1162050 h 2459734"/>
              <a:gd name="connsiteX6" fmla="*/ 0 w 3178174"/>
              <a:gd name="connsiteY6" fmla="*/ 179659 h 2459734"/>
              <a:gd name="connsiteX7" fmla="*/ 0 w 3178174"/>
              <a:gd name="connsiteY7" fmla="*/ 0 h 2459734"/>
              <a:gd name="connsiteX8" fmla="*/ 179659 w 3178174"/>
              <a:gd name="connsiteY8" fmla="*/ 0 h 2459734"/>
              <a:gd name="connsiteX9" fmla="*/ 1009650 w 3178174"/>
              <a:gd name="connsiteY9" fmla="*/ 0 h 2459734"/>
              <a:gd name="connsiteX10" fmla="*/ 2168523 w 3178174"/>
              <a:gd name="connsiteY10" fmla="*/ 0 h 2459734"/>
              <a:gd name="connsiteX11" fmla="*/ 2998515 w 3178174"/>
              <a:gd name="connsiteY11" fmla="*/ 0 h 2459734"/>
              <a:gd name="connsiteX12" fmla="*/ 3178173 w 3178174"/>
              <a:gd name="connsiteY12" fmla="*/ 0 h 24597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3178174" h="2459734">
                <a:moveTo>
                  <a:pt x="3178174" y="2459734"/>
                </a:moveTo>
                <a:lnTo>
                  <a:pt x="2998515" y="2459734"/>
                </a:lnTo>
                <a:lnTo>
                  <a:pt x="2168524" y="2459734"/>
                </a:lnTo>
                <a:lnTo>
                  <a:pt x="179659" y="2459734"/>
                </a:lnTo>
                <a:cubicBezTo>
                  <a:pt x="80436" y="2459734"/>
                  <a:pt x="0" y="2379298"/>
                  <a:pt x="0" y="2280075"/>
                </a:cubicBezTo>
                <a:lnTo>
                  <a:pt x="0" y="1162050"/>
                </a:lnTo>
                <a:lnTo>
                  <a:pt x="0" y="179659"/>
                </a:lnTo>
                <a:lnTo>
                  <a:pt x="0" y="0"/>
                </a:lnTo>
                <a:lnTo>
                  <a:pt x="179659" y="0"/>
                </a:lnTo>
                <a:lnTo>
                  <a:pt x="1009650" y="0"/>
                </a:lnTo>
                <a:lnTo>
                  <a:pt x="2168523" y="0"/>
                </a:lnTo>
                <a:lnTo>
                  <a:pt x="2998515" y="0"/>
                </a:lnTo>
                <a:lnTo>
                  <a:pt x="3178173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pic>
        <p:nvPicPr>
          <p:cNvPr id="6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521B514E-D10A-BDC6-0203-9775E8734F9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20663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nimation A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064EB2C-1CD1-4D10-855F-3A578564A60D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grpSp>
        <p:nvGrpSpPr>
          <p:cNvPr id="14" name="Group 58">
            <a:extLst>
              <a:ext uri="{FF2B5EF4-FFF2-40B4-BE49-F238E27FC236}">
                <a16:creationId xmlns:a16="http://schemas.microsoft.com/office/drawing/2014/main" id="{6DDFF541-6CCC-D3E8-D9B9-FBEB2F3A2FF1}"/>
              </a:ext>
            </a:extLst>
          </p:cNvPr>
          <p:cNvGrpSpPr/>
          <p:nvPr userDrawn="1"/>
        </p:nvGrpSpPr>
        <p:grpSpPr>
          <a:xfrm>
            <a:off x="1857489" y="3761682"/>
            <a:ext cx="1817000" cy="1111735"/>
            <a:chOff x="7918183" y="1759240"/>
            <a:chExt cx="1670583" cy="1532511"/>
          </a:xfrm>
          <a:solidFill>
            <a:srgbClr val="0F2A48"/>
          </a:solidFill>
        </p:grpSpPr>
        <p:sp>
          <p:nvSpPr>
            <p:cNvPr id="15" name="Rectangle: Rounded Corners 59">
              <a:extLst>
                <a:ext uri="{FF2B5EF4-FFF2-40B4-BE49-F238E27FC236}">
                  <a16:creationId xmlns:a16="http://schemas.microsoft.com/office/drawing/2014/main" id="{91945049-B940-A2AB-288A-ACF563FC674F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5364"/>
              </a:avLst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16" name="Rectangle 60">
              <a:extLst>
                <a:ext uri="{FF2B5EF4-FFF2-40B4-BE49-F238E27FC236}">
                  <a16:creationId xmlns:a16="http://schemas.microsoft.com/office/drawing/2014/main" id="{430B9163-EF65-92AE-BBFB-A0FCF45ED020}"/>
                </a:ext>
              </a:extLst>
            </p:cNvPr>
            <p:cNvSpPr/>
            <p:nvPr/>
          </p:nvSpPr>
          <p:spPr>
            <a:xfrm>
              <a:off x="7918183" y="2007032"/>
              <a:ext cx="1361283" cy="1284719"/>
            </a:xfrm>
            <a:prstGeom prst="rect">
              <a:avLst/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grpSp>
        <p:nvGrpSpPr>
          <p:cNvPr id="48" name="Group 58">
            <a:extLst>
              <a:ext uri="{FF2B5EF4-FFF2-40B4-BE49-F238E27FC236}">
                <a16:creationId xmlns:a16="http://schemas.microsoft.com/office/drawing/2014/main" id="{9D88B4A7-2CE1-0D09-C5F0-C50C209DE9B7}"/>
              </a:ext>
            </a:extLst>
          </p:cNvPr>
          <p:cNvGrpSpPr/>
          <p:nvPr userDrawn="1"/>
        </p:nvGrpSpPr>
        <p:grpSpPr>
          <a:xfrm>
            <a:off x="1857489" y="3761682"/>
            <a:ext cx="1817000" cy="1111735"/>
            <a:chOff x="7918183" y="1759240"/>
            <a:chExt cx="1670583" cy="1532511"/>
          </a:xfrm>
          <a:solidFill>
            <a:srgbClr val="0F2A48"/>
          </a:solidFill>
        </p:grpSpPr>
        <p:sp>
          <p:nvSpPr>
            <p:cNvPr id="49" name="Rectangle: Rounded Corners 59">
              <a:extLst>
                <a:ext uri="{FF2B5EF4-FFF2-40B4-BE49-F238E27FC236}">
                  <a16:creationId xmlns:a16="http://schemas.microsoft.com/office/drawing/2014/main" id="{CFA5313A-DA53-2018-21C9-69529D142D69}"/>
                </a:ext>
              </a:extLst>
            </p:cNvPr>
            <p:cNvSpPr/>
            <p:nvPr/>
          </p:nvSpPr>
          <p:spPr>
            <a:xfrm>
              <a:off x="7918183" y="1759240"/>
              <a:ext cx="1670583" cy="1532511"/>
            </a:xfrm>
            <a:prstGeom prst="roundRect">
              <a:avLst>
                <a:gd name="adj" fmla="val 15364"/>
              </a:avLst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  <p:sp>
          <p:nvSpPr>
            <p:cNvPr id="50" name="Rectangle 60">
              <a:extLst>
                <a:ext uri="{FF2B5EF4-FFF2-40B4-BE49-F238E27FC236}">
                  <a16:creationId xmlns:a16="http://schemas.microsoft.com/office/drawing/2014/main" id="{B29D20AD-8FC5-E28E-87AB-D192F4F1FF0E}"/>
                </a:ext>
              </a:extLst>
            </p:cNvPr>
            <p:cNvSpPr/>
            <p:nvPr/>
          </p:nvSpPr>
          <p:spPr>
            <a:xfrm>
              <a:off x="7918183" y="2007032"/>
              <a:ext cx="1361283" cy="1284719"/>
            </a:xfrm>
            <a:prstGeom prst="rect">
              <a:avLst/>
            </a:prstGeom>
            <a:grpFill/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id="{4456FFCD-2A17-FC34-A682-69B4F4F88E41}"/>
              </a:ext>
            </a:extLst>
          </p:cNvPr>
          <p:cNvSpPr/>
          <p:nvPr/>
        </p:nvSpPr>
        <p:spPr>
          <a:xfrm rot="10800000">
            <a:off x="9544636" y="2653551"/>
            <a:ext cx="1818000" cy="1290917"/>
          </a:xfrm>
          <a:custGeom>
            <a:avLst/>
            <a:gdLst>
              <a:gd name="connsiteX0" fmla="*/ 360000 w 1817000"/>
              <a:gd name="connsiteY0" fmla="*/ 1290917 h 1290917"/>
              <a:gd name="connsiteX1" fmla="*/ 0 w 1817000"/>
              <a:gd name="connsiteY1" fmla="*/ 1290917 h 1290917"/>
              <a:gd name="connsiteX2" fmla="*/ 0 w 1817000"/>
              <a:gd name="connsiteY2" fmla="*/ 1092579 h 1290917"/>
              <a:gd name="connsiteX3" fmla="*/ 0 w 1817000"/>
              <a:gd name="connsiteY3" fmla="*/ 930917 h 1290917"/>
              <a:gd name="connsiteX4" fmla="*/ 0 w 1817000"/>
              <a:gd name="connsiteY4" fmla="*/ 198336 h 1290917"/>
              <a:gd name="connsiteX5" fmla="*/ 198336 w 1817000"/>
              <a:gd name="connsiteY5" fmla="*/ 0 h 1290917"/>
              <a:gd name="connsiteX6" fmla="*/ 1618664 w 1817000"/>
              <a:gd name="connsiteY6" fmla="*/ 0 h 1290917"/>
              <a:gd name="connsiteX7" fmla="*/ 1817000 w 1817000"/>
              <a:gd name="connsiteY7" fmla="*/ 198336 h 1290917"/>
              <a:gd name="connsiteX8" fmla="*/ 1817000 w 1817000"/>
              <a:gd name="connsiteY8" fmla="*/ 1092579 h 1290917"/>
              <a:gd name="connsiteX9" fmla="*/ 1618664 w 1817000"/>
              <a:gd name="connsiteY9" fmla="*/ 1290915 h 1290917"/>
              <a:gd name="connsiteX10" fmla="*/ 360000 w 1817000"/>
              <a:gd name="connsiteY10" fmla="*/ 1290915 h 12909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817000" h="1290917">
                <a:moveTo>
                  <a:pt x="360000" y="1290917"/>
                </a:moveTo>
                <a:lnTo>
                  <a:pt x="0" y="1290917"/>
                </a:lnTo>
                <a:lnTo>
                  <a:pt x="0" y="1092579"/>
                </a:lnTo>
                <a:lnTo>
                  <a:pt x="0" y="930917"/>
                </a:lnTo>
                <a:lnTo>
                  <a:pt x="0" y="198336"/>
                </a:lnTo>
                <a:cubicBezTo>
                  <a:pt x="0" y="88798"/>
                  <a:pt x="88798" y="0"/>
                  <a:pt x="198336" y="0"/>
                </a:cubicBezTo>
                <a:lnTo>
                  <a:pt x="1618664" y="0"/>
                </a:lnTo>
                <a:cubicBezTo>
                  <a:pt x="1728202" y="0"/>
                  <a:pt x="1817000" y="88798"/>
                  <a:pt x="1817000" y="198336"/>
                </a:cubicBezTo>
                <a:lnTo>
                  <a:pt x="1817000" y="1092579"/>
                </a:lnTo>
                <a:cubicBezTo>
                  <a:pt x="1817000" y="1202117"/>
                  <a:pt x="1728202" y="1290915"/>
                  <a:pt x="1618664" y="1290915"/>
                </a:cubicBezTo>
                <a:lnTo>
                  <a:pt x="360000" y="1290915"/>
                </a:lnTo>
                <a:close/>
              </a:path>
            </a:pathLst>
          </a:custGeom>
          <a:solidFill>
            <a:srgbClr val="0F2A48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dirty="0" err="1"/>
          </a:p>
        </p:txBody>
      </p:sp>
      <p:grpSp>
        <p:nvGrpSpPr>
          <p:cNvPr id="17" name="Gruppe 11">
            <a:extLst>
              <a:ext uri="{FF2B5EF4-FFF2-40B4-BE49-F238E27FC236}">
                <a16:creationId xmlns:a16="http://schemas.microsoft.com/office/drawing/2014/main" id="{97979A19-7240-CF88-1A46-EF209A270409}"/>
              </a:ext>
            </a:extLst>
          </p:cNvPr>
          <p:cNvGrpSpPr/>
          <p:nvPr userDrawn="1"/>
        </p:nvGrpSpPr>
        <p:grpSpPr>
          <a:xfrm>
            <a:off x="9544636" y="2236384"/>
            <a:ext cx="1818002" cy="1401760"/>
            <a:chOff x="9525589" y="2653550"/>
            <a:chExt cx="1818002" cy="1401760"/>
          </a:xfrm>
        </p:grpSpPr>
        <p:sp>
          <p:nvSpPr>
            <p:cNvPr id="18" name="Kombinationstegning: figur 10">
              <a:extLst>
                <a:ext uri="{FF2B5EF4-FFF2-40B4-BE49-F238E27FC236}">
                  <a16:creationId xmlns:a16="http://schemas.microsoft.com/office/drawing/2014/main" id="{D6DC5504-CEA2-FE86-0334-2623969B6511}"/>
                </a:ext>
              </a:extLst>
            </p:cNvPr>
            <p:cNvSpPr/>
            <p:nvPr/>
          </p:nvSpPr>
          <p:spPr>
            <a:xfrm rot="10800000">
              <a:off x="9525589" y="2653550"/>
              <a:ext cx="1818000" cy="1401760"/>
            </a:xfrm>
            <a:custGeom>
              <a:avLst/>
              <a:gdLst>
                <a:gd name="connsiteX0" fmla="*/ 360000 w 1817000"/>
                <a:gd name="connsiteY0" fmla="*/ 1290917 h 1290917"/>
                <a:gd name="connsiteX1" fmla="*/ 0 w 1817000"/>
                <a:gd name="connsiteY1" fmla="*/ 1290917 h 1290917"/>
                <a:gd name="connsiteX2" fmla="*/ 0 w 1817000"/>
                <a:gd name="connsiteY2" fmla="*/ 1092579 h 1290917"/>
                <a:gd name="connsiteX3" fmla="*/ 0 w 1817000"/>
                <a:gd name="connsiteY3" fmla="*/ 930917 h 1290917"/>
                <a:gd name="connsiteX4" fmla="*/ 0 w 1817000"/>
                <a:gd name="connsiteY4" fmla="*/ 198336 h 1290917"/>
                <a:gd name="connsiteX5" fmla="*/ 198336 w 1817000"/>
                <a:gd name="connsiteY5" fmla="*/ 0 h 1290917"/>
                <a:gd name="connsiteX6" fmla="*/ 1618664 w 1817000"/>
                <a:gd name="connsiteY6" fmla="*/ 0 h 1290917"/>
                <a:gd name="connsiteX7" fmla="*/ 1817000 w 1817000"/>
                <a:gd name="connsiteY7" fmla="*/ 198336 h 1290917"/>
                <a:gd name="connsiteX8" fmla="*/ 1817000 w 1817000"/>
                <a:gd name="connsiteY8" fmla="*/ 1092579 h 1290917"/>
                <a:gd name="connsiteX9" fmla="*/ 1618664 w 1817000"/>
                <a:gd name="connsiteY9" fmla="*/ 1290915 h 1290917"/>
                <a:gd name="connsiteX10" fmla="*/ 360000 w 1817000"/>
                <a:gd name="connsiteY10" fmla="*/ 1290915 h 1290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0" h="1290917">
                  <a:moveTo>
                    <a:pt x="360000" y="1290917"/>
                  </a:moveTo>
                  <a:lnTo>
                    <a:pt x="0" y="1290917"/>
                  </a:lnTo>
                  <a:lnTo>
                    <a:pt x="0" y="1092579"/>
                  </a:lnTo>
                  <a:lnTo>
                    <a:pt x="0" y="930917"/>
                  </a:lnTo>
                  <a:lnTo>
                    <a:pt x="0" y="198336"/>
                  </a:lnTo>
                  <a:cubicBezTo>
                    <a:pt x="0" y="88798"/>
                    <a:pt x="88798" y="0"/>
                    <a:pt x="198336" y="0"/>
                  </a:cubicBezTo>
                  <a:lnTo>
                    <a:pt x="1618664" y="0"/>
                  </a:lnTo>
                  <a:cubicBezTo>
                    <a:pt x="1728202" y="0"/>
                    <a:pt x="1817000" y="88798"/>
                    <a:pt x="1817000" y="198336"/>
                  </a:cubicBezTo>
                  <a:lnTo>
                    <a:pt x="1817000" y="1092579"/>
                  </a:lnTo>
                  <a:cubicBezTo>
                    <a:pt x="1817000" y="1202117"/>
                    <a:pt x="1728202" y="1290915"/>
                    <a:pt x="1618664" y="1290915"/>
                  </a:cubicBezTo>
                  <a:lnTo>
                    <a:pt x="360000" y="1290915"/>
                  </a:lnTo>
                  <a:close/>
                </a:path>
              </a:pathLst>
            </a:custGeom>
            <a:solidFill>
              <a:srgbClr val="0F2A48"/>
            </a:solidFill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dirty="0" err="1"/>
            </a:p>
          </p:txBody>
        </p:sp>
        <p:sp>
          <p:nvSpPr>
            <p:cNvPr id="19" name="Kombinationstegning: figur 5">
              <a:extLst>
                <a:ext uri="{FF2B5EF4-FFF2-40B4-BE49-F238E27FC236}">
                  <a16:creationId xmlns:a16="http://schemas.microsoft.com/office/drawing/2014/main" id="{8EC91071-25FC-DF8A-36A0-6F47DDA79584}"/>
                </a:ext>
              </a:extLst>
            </p:cNvPr>
            <p:cNvSpPr/>
            <p:nvPr/>
          </p:nvSpPr>
          <p:spPr>
            <a:xfrm rot="10800000">
              <a:off x="9525591" y="2653551"/>
              <a:ext cx="1818000" cy="1082188"/>
            </a:xfrm>
            <a:custGeom>
              <a:avLst/>
              <a:gdLst>
                <a:gd name="connsiteX0" fmla="*/ 360000 w 1817002"/>
                <a:gd name="connsiteY0" fmla="*/ 1082188 h 1082188"/>
                <a:gd name="connsiteX1" fmla="*/ 0 w 1817002"/>
                <a:gd name="connsiteY1" fmla="*/ 1082188 h 1082188"/>
                <a:gd name="connsiteX2" fmla="*/ 0 w 1817002"/>
                <a:gd name="connsiteY2" fmla="*/ 901819 h 1082188"/>
                <a:gd name="connsiteX3" fmla="*/ 0 w 1817002"/>
                <a:gd name="connsiteY3" fmla="*/ 722188 h 1082188"/>
                <a:gd name="connsiteX4" fmla="*/ 0 w 1817002"/>
                <a:gd name="connsiteY4" fmla="*/ 180368 h 1082188"/>
                <a:gd name="connsiteX5" fmla="*/ 180368 w 1817002"/>
                <a:gd name="connsiteY5" fmla="*/ 0 h 1082188"/>
                <a:gd name="connsiteX6" fmla="*/ 1636634 w 1817002"/>
                <a:gd name="connsiteY6" fmla="*/ 0 h 1082188"/>
                <a:gd name="connsiteX7" fmla="*/ 1817002 w 1817002"/>
                <a:gd name="connsiteY7" fmla="*/ 180368 h 1082188"/>
                <a:gd name="connsiteX8" fmla="*/ 1817002 w 1817002"/>
                <a:gd name="connsiteY8" fmla="*/ 901819 h 1082188"/>
                <a:gd name="connsiteX9" fmla="*/ 1636634 w 1817002"/>
                <a:gd name="connsiteY9" fmla="*/ 1082187 h 1082188"/>
                <a:gd name="connsiteX10" fmla="*/ 360000 w 1817002"/>
                <a:gd name="connsiteY10" fmla="*/ 1082187 h 108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17002" h="1082188">
                  <a:moveTo>
                    <a:pt x="360000" y="1082188"/>
                  </a:moveTo>
                  <a:lnTo>
                    <a:pt x="0" y="1082188"/>
                  </a:lnTo>
                  <a:lnTo>
                    <a:pt x="0" y="901819"/>
                  </a:lnTo>
                  <a:lnTo>
                    <a:pt x="0" y="722188"/>
                  </a:lnTo>
                  <a:lnTo>
                    <a:pt x="0" y="180368"/>
                  </a:lnTo>
                  <a:cubicBezTo>
                    <a:pt x="0" y="80754"/>
                    <a:pt x="80754" y="0"/>
                    <a:pt x="180368" y="0"/>
                  </a:cubicBezTo>
                  <a:lnTo>
                    <a:pt x="1636634" y="0"/>
                  </a:lnTo>
                  <a:cubicBezTo>
                    <a:pt x="1736248" y="0"/>
                    <a:pt x="1817002" y="80754"/>
                    <a:pt x="1817002" y="180368"/>
                  </a:cubicBezTo>
                  <a:lnTo>
                    <a:pt x="1817002" y="901819"/>
                  </a:lnTo>
                  <a:cubicBezTo>
                    <a:pt x="1817002" y="1001433"/>
                    <a:pt x="1736248" y="1082187"/>
                    <a:pt x="1636634" y="1082187"/>
                  </a:cubicBezTo>
                  <a:lnTo>
                    <a:pt x="360000" y="1082187"/>
                  </a:lnTo>
                  <a:close/>
                </a:path>
              </a:pathLst>
            </a:custGeom>
            <a:solidFill>
              <a:srgbClr val="0F2A48"/>
            </a:solidFill>
            <a:ln w="158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32" name="Kombinationstegning: figur 31">
            <a:extLst>
              <a:ext uri="{FF2B5EF4-FFF2-40B4-BE49-F238E27FC236}">
                <a16:creationId xmlns:a16="http://schemas.microsoft.com/office/drawing/2014/main" id="{58E431ED-E98C-0B05-A685-B8623369B24F}"/>
              </a:ext>
            </a:extLst>
          </p:cNvPr>
          <p:cNvSpPr/>
          <p:nvPr userDrawn="1"/>
        </p:nvSpPr>
        <p:spPr>
          <a:xfrm>
            <a:off x="6822141" y="4204446"/>
            <a:ext cx="5369859" cy="2656745"/>
          </a:xfrm>
          <a:custGeom>
            <a:avLst/>
            <a:gdLst>
              <a:gd name="connsiteX0" fmla="*/ 186052 w 5369859"/>
              <a:gd name="connsiteY0" fmla="*/ 0 h 2656745"/>
              <a:gd name="connsiteX1" fmla="*/ 662859 w 5369859"/>
              <a:gd name="connsiteY1" fmla="*/ 0 h 2656745"/>
              <a:gd name="connsiteX2" fmla="*/ 5183807 w 5369859"/>
              <a:gd name="connsiteY2" fmla="*/ 0 h 2656745"/>
              <a:gd name="connsiteX3" fmla="*/ 5369859 w 5369859"/>
              <a:gd name="connsiteY3" fmla="*/ 0 h 2656745"/>
              <a:gd name="connsiteX4" fmla="*/ 5369859 w 5369859"/>
              <a:gd name="connsiteY4" fmla="*/ 186052 h 2656745"/>
              <a:gd name="connsiteX5" fmla="*/ 5369859 w 5369859"/>
              <a:gd name="connsiteY5" fmla="*/ 429570 h 2656745"/>
              <a:gd name="connsiteX6" fmla="*/ 5369859 w 5369859"/>
              <a:gd name="connsiteY6" fmla="*/ 2470693 h 2656745"/>
              <a:gd name="connsiteX7" fmla="*/ 5369859 w 5369859"/>
              <a:gd name="connsiteY7" fmla="*/ 2656745 h 2656745"/>
              <a:gd name="connsiteX8" fmla="*/ 5183807 w 5369859"/>
              <a:gd name="connsiteY8" fmla="*/ 2656745 h 2656745"/>
              <a:gd name="connsiteX9" fmla="*/ 186052 w 5369859"/>
              <a:gd name="connsiteY9" fmla="*/ 2656745 h 2656745"/>
              <a:gd name="connsiteX10" fmla="*/ 0 w 5369859"/>
              <a:gd name="connsiteY10" fmla="*/ 2656745 h 2656745"/>
              <a:gd name="connsiteX11" fmla="*/ 0 w 5369859"/>
              <a:gd name="connsiteY11" fmla="*/ 2470693 h 2656745"/>
              <a:gd name="connsiteX12" fmla="*/ 0 w 5369859"/>
              <a:gd name="connsiteY12" fmla="*/ 429570 h 2656745"/>
              <a:gd name="connsiteX13" fmla="*/ 0 w 5369859"/>
              <a:gd name="connsiteY13" fmla="*/ 186052 h 2656745"/>
              <a:gd name="connsiteX14" fmla="*/ 186052 w 5369859"/>
              <a:gd name="connsiteY14" fmla="*/ 0 h 2656745"/>
              <a:gd name="connsiteX0" fmla="*/ 5369859 w 5461299"/>
              <a:gd name="connsiteY0" fmla="*/ 186052 h 2656745"/>
              <a:gd name="connsiteX1" fmla="*/ 5369859 w 5461299"/>
              <a:gd name="connsiteY1" fmla="*/ 429570 h 2656745"/>
              <a:gd name="connsiteX2" fmla="*/ 5369859 w 5461299"/>
              <a:gd name="connsiteY2" fmla="*/ 2470693 h 2656745"/>
              <a:gd name="connsiteX3" fmla="*/ 5369859 w 5461299"/>
              <a:gd name="connsiteY3" fmla="*/ 2656745 h 2656745"/>
              <a:gd name="connsiteX4" fmla="*/ 5183807 w 5461299"/>
              <a:gd name="connsiteY4" fmla="*/ 2656745 h 2656745"/>
              <a:gd name="connsiteX5" fmla="*/ 186052 w 5461299"/>
              <a:gd name="connsiteY5" fmla="*/ 2656745 h 2656745"/>
              <a:gd name="connsiteX6" fmla="*/ 0 w 5461299"/>
              <a:gd name="connsiteY6" fmla="*/ 2656745 h 2656745"/>
              <a:gd name="connsiteX7" fmla="*/ 0 w 5461299"/>
              <a:gd name="connsiteY7" fmla="*/ 2470693 h 2656745"/>
              <a:gd name="connsiteX8" fmla="*/ 0 w 5461299"/>
              <a:gd name="connsiteY8" fmla="*/ 429570 h 2656745"/>
              <a:gd name="connsiteX9" fmla="*/ 0 w 5461299"/>
              <a:gd name="connsiteY9" fmla="*/ 186052 h 2656745"/>
              <a:gd name="connsiteX10" fmla="*/ 186052 w 5461299"/>
              <a:gd name="connsiteY10" fmla="*/ 0 h 2656745"/>
              <a:gd name="connsiteX11" fmla="*/ 662859 w 5461299"/>
              <a:gd name="connsiteY11" fmla="*/ 0 h 2656745"/>
              <a:gd name="connsiteX12" fmla="*/ 5183807 w 5461299"/>
              <a:gd name="connsiteY12" fmla="*/ 0 h 2656745"/>
              <a:gd name="connsiteX13" fmla="*/ 5369859 w 5461299"/>
              <a:gd name="connsiteY13" fmla="*/ 0 h 2656745"/>
              <a:gd name="connsiteX14" fmla="*/ 5461299 w 5461299"/>
              <a:gd name="connsiteY14" fmla="*/ 277492 h 2656745"/>
              <a:gd name="connsiteX0" fmla="*/ 5369859 w 5461299"/>
              <a:gd name="connsiteY0" fmla="*/ 429570 h 2656745"/>
              <a:gd name="connsiteX1" fmla="*/ 5369859 w 5461299"/>
              <a:gd name="connsiteY1" fmla="*/ 2470693 h 2656745"/>
              <a:gd name="connsiteX2" fmla="*/ 5369859 w 5461299"/>
              <a:gd name="connsiteY2" fmla="*/ 2656745 h 2656745"/>
              <a:gd name="connsiteX3" fmla="*/ 5183807 w 5461299"/>
              <a:gd name="connsiteY3" fmla="*/ 2656745 h 2656745"/>
              <a:gd name="connsiteX4" fmla="*/ 186052 w 5461299"/>
              <a:gd name="connsiteY4" fmla="*/ 2656745 h 2656745"/>
              <a:gd name="connsiteX5" fmla="*/ 0 w 5461299"/>
              <a:gd name="connsiteY5" fmla="*/ 2656745 h 2656745"/>
              <a:gd name="connsiteX6" fmla="*/ 0 w 5461299"/>
              <a:gd name="connsiteY6" fmla="*/ 2470693 h 2656745"/>
              <a:gd name="connsiteX7" fmla="*/ 0 w 5461299"/>
              <a:gd name="connsiteY7" fmla="*/ 429570 h 2656745"/>
              <a:gd name="connsiteX8" fmla="*/ 0 w 5461299"/>
              <a:gd name="connsiteY8" fmla="*/ 186052 h 2656745"/>
              <a:gd name="connsiteX9" fmla="*/ 186052 w 5461299"/>
              <a:gd name="connsiteY9" fmla="*/ 0 h 2656745"/>
              <a:gd name="connsiteX10" fmla="*/ 662859 w 5461299"/>
              <a:gd name="connsiteY10" fmla="*/ 0 h 2656745"/>
              <a:gd name="connsiteX11" fmla="*/ 5183807 w 5461299"/>
              <a:gd name="connsiteY11" fmla="*/ 0 h 2656745"/>
              <a:gd name="connsiteX12" fmla="*/ 5369859 w 5461299"/>
              <a:gd name="connsiteY12" fmla="*/ 0 h 2656745"/>
              <a:gd name="connsiteX13" fmla="*/ 5461299 w 5461299"/>
              <a:gd name="connsiteY13" fmla="*/ 277492 h 2656745"/>
              <a:gd name="connsiteX0" fmla="*/ 5369859 w 5369859"/>
              <a:gd name="connsiteY0" fmla="*/ 429570 h 2656745"/>
              <a:gd name="connsiteX1" fmla="*/ 5369859 w 5369859"/>
              <a:gd name="connsiteY1" fmla="*/ 2470693 h 2656745"/>
              <a:gd name="connsiteX2" fmla="*/ 5369859 w 5369859"/>
              <a:gd name="connsiteY2" fmla="*/ 2656745 h 2656745"/>
              <a:gd name="connsiteX3" fmla="*/ 5183807 w 5369859"/>
              <a:gd name="connsiteY3" fmla="*/ 2656745 h 2656745"/>
              <a:gd name="connsiteX4" fmla="*/ 186052 w 5369859"/>
              <a:gd name="connsiteY4" fmla="*/ 2656745 h 2656745"/>
              <a:gd name="connsiteX5" fmla="*/ 0 w 5369859"/>
              <a:gd name="connsiteY5" fmla="*/ 2656745 h 2656745"/>
              <a:gd name="connsiteX6" fmla="*/ 0 w 5369859"/>
              <a:gd name="connsiteY6" fmla="*/ 2470693 h 2656745"/>
              <a:gd name="connsiteX7" fmla="*/ 0 w 5369859"/>
              <a:gd name="connsiteY7" fmla="*/ 429570 h 2656745"/>
              <a:gd name="connsiteX8" fmla="*/ 0 w 5369859"/>
              <a:gd name="connsiteY8" fmla="*/ 186052 h 2656745"/>
              <a:gd name="connsiteX9" fmla="*/ 186052 w 5369859"/>
              <a:gd name="connsiteY9" fmla="*/ 0 h 2656745"/>
              <a:gd name="connsiteX10" fmla="*/ 662859 w 5369859"/>
              <a:gd name="connsiteY10" fmla="*/ 0 h 2656745"/>
              <a:gd name="connsiteX11" fmla="*/ 5183807 w 5369859"/>
              <a:gd name="connsiteY11" fmla="*/ 0 h 2656745"/>
              <a:gd name="connsiteX12" fmla="*/ 5369859 w 5369859"/>
              <a:gd name="connsiteY12" fmla="*/ 0 h 2656745"/>
              <a:gd name="connsiteX0" fmla="*/ 5369859 w 5369859"/>
              <a:gd name="connsiteY0" fmla="*/ 2470693 h 2656745"/>
              <a:gd name="connsiteX1" fmla="*/ 5369859 w 5369859"/>
              <a:gd name="connsiteY1" fmla="*/ 2656745 h 2656745"/>
              <a:gd name="connsiteX2" fmla="*/ 5183807 w 5369859"/>
              <a:gd name="connsiteY2" fmla="*/ 2656745 h 2656745"/>
              <a:gd name="connsiteX3" fmla="*/ 186052 w 5369859"/>
              <a:gd name="connsiteY3" fmla="*/ 2656745 h 2656745"/>
              <a:gd name="connsiteX4" fmla="*/ 0 w 5369859"/>
              <a:gd name="connsiteY4" fmla="*/ 2656745 h 2656745"/>
              <a:gd name="connsiteX5" fmla="*/ 0 w 5369859"/>
              <a:gd name="connsiteY5" fmla="*/ 2470693 h 2656745"/>
              <a:gd name="connsiteX6" fmla="*/ 0 w 5369859"/>
              <a:gd name="connsiteY6" fmla="*/ 429570 h 2656745"/>
              <a:gd name="connsiteX7" fmla="*/ 0 w 5369859"/>
              <a:gd name="connsiteY7" fmla="*/ 186052 h 2656745"/>
              <a:gd name="connsiteX8" fmla="*/ 186052 w 5369859"/>
              <a:gd name="connsiteY8" fmla="*/ 0 h 2656745"/>
              <a:gd name="connsiteX9" fmla="*/ 662859 w 5369859"/>
              <a:gd name="connsiteY9" fmla="*/ 0 h 2656745"/>
              <a:gd name="connsiteX10" fmla="*/ 5183807 w 5369859"/>
              <a:gd name="connsiteY10" fmla="*/ 0 h 2656745"/>
              <a:gd name="connsiteX11" fmla="*/ 5369859 w 5369859"/>
              <a:gd name="connsiteY11" fmla="*/ 0 h 2656745"/>
              <a:gd name="connsiteX0" fmla="*/ 5369859 w 5369859"/>
              <a:gd name="connsiteY0" fmla="*/ 2656745 h 2656745"/>
              <a:gd name="connsiteX1" fmla="*/ 5183807 w 5369859"/>
              <a:gd name="connsiteY1" fmla="*/ 2656745 h 2656745"/>
              <a:gd name="connsiteX2" fmla="*/ 186052 w 5369859"/>
              <a:gd name="connsiteY2" fmla="*/ 2656745 h 2656745"/>
              <a:gd name="connsiteX3" fmla="*/ 0 w 5369859"/>
              <a:gd name="connsiteY3" fmla="*/ 2656745 h 2656745"/>
              <a:gd name="connsiteX4" fmla="*/ 0 w 5369859"/>
              <a:gd name="connsiteY4" fmla="*/ 2470693 h 2656745"/>
              <a:gd name="connsiteX5" fmla="*/ 0 w 5369859"/>
              <a:gd name="connsiteY5" fmla="*/ 429570 h 2656745"/>
              <a:gd name="connsiteX6" fmla="*/ 0 w 5369859"/>
              <a:gd name="connsiteY6" fmla="*/ 186052 h 2656745"/>
              <a:gd name="connsiteX7" fmla="*/ 186052 w 5369859"/>
              <a:gd name="connsiteY7" fmla="*/ 0 h 2656745"/>
              <a:gd name="connsiteX8" fmla="*/ 662859 w 5369859"/>
              <a:gd name="connsiteY8" fmla="*/ 0 h 2656745"/>
              <a:gd name="connsiteX9" fmla="*/ 5183807 w 5369859"/>
              <a:gd name="connsiteY9" fmla="*/ 0 h 2656745"/>
              <a:gd name="connsiteX10" fmla="*/ 5369859 w 5369859"/>
              <a:gd name="connsiteY10" fmla="*/ 0 h 26567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5369859" h="2656745">
                <a:moveTo>
                  <a:pt x="5369859" y="2656745"/>
                </a:moveTo>
                <a:lnTo>
                  <a:pt x="5183807" y="2656745"/>
                </a:lnTo>
                <a:lnTo>
                  <a:pt x="186052" y="2656745"/>
                </a:lnTo>
                <a:lnTo>
                  <a:pt x="0" y="2656745"/>
                </a:lnTo>
                <a:lnTo>
                  <a:pt x="0" y="2470693"/>
                </a:lnTo>
                <a:lnTo>
                  <a:pt x="0" y="429570"/>
                </a:lnTo>
                <a:lnTo>
                  <a:pt x="0" y="186052"/>
                </a:lnTo>
                <a:cubicBezTo>
                  <a:pt x="0" y="83298"/>
                  <a:pt x="83298" y="0"/>
                  <a:pt x="186052" y="0"/>
                </a:cubicBezTo>
                <a:lnTo>
                  <a:pt x="662859" y="0"/>
                </a:lnTo>
                <a:lnTo>
                  <a:pt x="5183807" y="0"/>
                </a:lnTo>
                <a:lnTo>
                  <a:pt x="5369859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" name="Kombinationstegning: figur 3">
            <a:extLst>
              <a:ext uri="{FF2B5EF4-FFF2-40B4-BE49-F238E27FC236}">
                <a16:creationId xmlns:a16="http://schemas.microsoft.com/office/drawing/2014/main" id="{0265A287-DBA7-26CB-3597-BFBF8CAFAE77}"/>
              </a:ext>
            </a:extLst>
          </p:cNvPr>
          <p:cNvSpPr/>
          <p:nvPr userDrawn="1"/>
        </p:nvSpPr>
        <p:spPr>
          <a:xfrm rot="16200000">
            <a:off x="10259918" y="2012389"/>
            <a:ext cx="3290420" cy="573738"/>
          </a:xfrm>
          <a:custGeom>
            <a:avLst/>
            <a:gdLst>
              <a:gd name="connsiteX0" fmla="*/ 3290420 w 3290420"/>
              <a:gd name="connsiteY0" fmla="*/ 0 h 784409"/>
              <a:gd name="connsiteX1" fmla="*/ 3290420 w 3290420"/>
              <a:gd name="connsiteY1" fmla="*/ 137238 h 784409"/>
              <a:gd name="connsiteX2" fmla="*/ 3290420 w 3290420"/>
              <a:gd name="connsiteY2" fmla="*/ 436501 h 784409"/>
              <a:gd name="connsiteX3" fmla="*/ 3290420 w 3290420"/>
              <a:gd name="connsiteY3" fmla="*/ 436503 h 784409"/>
              <a:gd name="connsiteX4" fmla="*/ 3290420 w 3290420"/>
              <a:gd name="connsiteY4" fmla="*/ 573738 h 784409"/>
              <a:gd name="connsiteX5" fmla="*/ 3290420 w 3290420"/>
              <a:gd name="connsiteY5" fmla="*/ 784409 h 784409"/>
              <a:gd name="connsiteX6" fmla="*/ 2861541 w 3290420"/>
              <a:gd name="connsiteY6" fmla="*/ 784409 h 784409"/>
              <a:gd name="connsiteX7" fmla="*/ 2861541 w 3290420"/>
              <a:gd name="connsiteY7" fmla="*/ 573738 h 784409"/>
              <a:gd name="connsiteX8" fmla="*/ 0 w 3290420"/>
              <a:gd name="connsiteY8" fmla="*/ 573738 h 784409"/>
              <a:gd name="connsiteX9" fmla="*/ 0 w 3290420"/>
              <a:gd name="connsiteY9" fmla="*/ 296968 h 784409"/>
              <a:gd name="connsiteX10" fmla="*/ 1 w 3290420"/>
              <a:gd name="connsiteY10" fmla="*/ 296968 h 784409"/>
              <a:gd name="connsiteX11" fmla="*/ 1 w 3290420"/>
              <a:gd name="connsiteY11" fmla="*/ 137238 h 784409"/>
              <a:gd name="connsiteX12" fmla="*/ 137239 w 3290420"/>
              <a:gd name="connsiteY12" fmla="*/ 0 h 784409"/>
              <a:gd name="connsiteX13" fmla="*/ 2861541 w 3290420"/>
              <a:gd name="connsiteY13" fmla="*/ 0 h 784409"/>
              <a:gd name="connsiteX14" fmla="*/ 3153182 w 3290420"/>
              <a:gd name="connsiteY14" fmla="*/ 0 h 784409"/>
              <a:gd name="connsiteX0" fmla="*/ 2861541 w 3290420"/>
              <a:gd name="connsiteY0" fmla="*/ 784409 h 875849"/>
              <a:gd name="connsiteX1" fmla="*/ 2861541 w 3290420"/>
              <a:gd name="connsiteY1" fmla="*/ 573738 h 875849"/>
              <a:gd name="connsiteX2" fmla="*/ 0 w 3290420"/>
              <a:gd name="connsiteY2" fmla="*/ 573738 h 875849"/>
              <a:gd name="connsiteX3" fmla="*/ 0 w 3290420"/>
              <a:gd name="connsiteY3" fmla="*/ 296968 h 875849"/>
              <a:gd name="connsiteX4" fmla="*/ 1 w 3290420"/>
              <a:gd name="connsiteY4" fmla="*/ 296968 h 875849"/>
              <a:gd name="connsiteX5" fmla="*/ 1 w 3290420"/>
              <a:gd name="connsiteY5" fmla="*/ 137238 h 875849"/>
              <a:gd name="connsiteX6" fmla="*/ 137239 w 3290420"/>
              <a:gd name="connsiteY6" fmla="*/ 0 h 875849"/>
              <a:gd name="connsiteX7" fmla="*/ 2861541 w 3290420"/>
              <a:gd name="connsiteY7" fmla="*/ 0 h 875849"/>
              <a:gd name="connsiteX8" fmla="*/ 3153182 w 3290420"/>
              <a:gd name="connsiteY8" fmla="*/ 0 h 875849"/>
              <a:gd name="connsiteX9" fmla="*/ 3290420 w 3290420"/>
              <a:gd name="connsiteY9" fmla="*/ 0 h 875849"/>
              <a:gd name="connsiteX10" fmla="*/ 3290420 w 3290420"/>
              <a:gd name="connsiteY10" fmla="*/ 137238 h 875849"/>
              <a:gd name="connsiteX11" fmla="*/ 3290420 w 3290420"/>
              <a:gd name="connsiteY11" fmla="*/ 436501 h 875849"/>
              <a:gd name="connsiteX12" fmla="*/ 3290420 w 3290420"/>
              <a:gd name="connsiteY12" fmla="*/ 436503 h 875849"/>
              <a:gd name="connsiteX13" fmla="*/ 3290420 w 3290420"/>
              <a:gd name="connsiteY13" fmla="*/ 573738 h 875849"/>
              <a:gd name="connsiteX14" fmla="*/ 3290420 w 3290420"/>
              <a:gd name="connsiteY14" fmla="*/ 784409 h 875849"/>
              <a:gd name="connsiteX15" fmla="*/ 2952981 w 3290420"/>
              <a:gd name="connsiteY15" fmla="*/ 875849 h 875849"/>
              <a:gd name="connsiteX0" fmla="*/ 2861541 w 3290420"/>
              <a:gd name="connsiteY0" fmla="*/ 784409 h 784409"/>
              <a:gd name="connsiteX1" fmla="*/ 2861541 w 3290420"/>
              <a:gd name="connsiteY1" fmla="*/ 573738 h 784409"/>
              <a:gd name="connsiteX2" fmla="*/ 0 w 3290420"/>
              <a:gd name="connsiteY2" fmla="*/ 573738 h 784409"/>
              <a:gd name="connsiteX3" fmla="*/ 0 w 3290420"/>
              <a:gd name="connsiteY3" fmla="*/ 296968 h 784409"/>
              <a:gd name="connsiteX4" fmla="*/ 1 w 3290420"/>
              <a:gd name="connsiteY4" fmla="*/ 296968 h 784409"/>
              <a:gd name="connsiteX5" fmla="*/ 1 w 3290420"/>
              <a:gd name="connsiteY5" fmla="*/ 137238 h 784409"/>
              <a:gd name="connsiteX6" fmla="*/ 137239 w 3290420"/>
              <a:gd name="connsiteY6" fmla="*/ 0 h 784409"/>
              <a:gd name="connsiteX7" fmla="*/ 2861541 w 3290420"/>
              <a:gd name="connsiteY7" fmla="*/ 0 h 784409"/>
              <a:gd name="connsiteX8" fmla="*/ 3153182 w 3290420"/>
              <a:gd name="connsiteY8" fmla="*/ 0 h 784409"/>
              <a:gd name="connsiteX9" fmla="*/ 3290420 w 3290420"/>
              <a:gd name="connsiteY9" fmla="*/ 0 h 784409"/>
              <a:gd name="connsiteX10" fmla="*/ 3290420 w 3290420"/>
              <a:gd name="connsiteY10" fmla="*/ 137238 h 784409"/>
              <a:gd name="connsiteX11" fmla="*/ 3290420 w 3290420"/>
              <a:gd name="connsiteY11" fmla="*/ 436501 h 784409"/>
              <a:gd name="connsiteX12" fmla="*/ 3290420 w 3290420"/>
              <a:gd name="connsiteY12" fmla="*/ 436503 h 784409"/>
              <a:gd name="connsiteX13" fmla="*/ 3290420 w 3290420"/>
              <a:gd name="connsiteY13" fmla="*/ 573738 h 784409"/>
              <a:gd name="connsiteX14" fmla="*/ 3290420 w 3290420"/>
              <a:gd name="connsiteY14" fmla="*/ 784409 h 784409"/>
              <a:gd name="connsiteX0" fmla="*/ 2861541 w 3290420"/>
              <a:gd name="connsiteY0" fmla="*/ 784409 h 784409"/>
              <a:gd name="connsiteX1" fmla="*/ 2861541 w 3290420"/>
              <a:gd name="connsiteY1" fmla="*/ 573738 h 784409"/>
              <a:gd name="connsiteX2" fmla="*/ 0 w 3290420"/>
              <a:gd name="connsiteY2" fmla="*/ 573738 h 784409"/>
              <a:gd name="connsiteX3" fmla="*/ 0 w 3290420"/>
              <a:gd name="connsiteY3" fmla="*/ 296968 h 784409"/>
              <a:gd name="connsiteX4" fmla="*/ 1 w 3290420"/>
              <a:gd name="connsiteY4" fmla="*/ 296968 h 784409"/>
              <a:gd name="connsiteX5" fmla="*/ 1 w 3290420"/>
              <a:gd name="connsiteY5" fmla="*/ 137238 h 784409"/>
              <a:gd name="connsiteX6" fmla="*/ 137239 w 3290420"/>
              <a:gd name="connsiteY6" fmla="*/ 0 h 784409"/>
              <a:gd name="connsiteX7" fmla="*/ 2861541 w 3290420"/>
              <a:gd name="connsiteY7" fmla="*/ 0 h 784409"/>
              <a:gd name="connsiteX8" fmla="*/ 3153182 w 3290420"/>
              <a:gd name="connsiteY8" fmla="*/ 0 h 784409"/>
              <a:gd name="connsiteX9" fmla="*/ 3290420 w 3290420"/>
              <a:gd name="connsiteY9" fmla="*/ 0 h 784409"/>
              <a:gd name="connsiteX10" fmla="*/ 3290420 w 3290420"/>
              <a:gd name="connsiteY10" fmla="*/ 137238 h 784409"/>
              <a:gd name="connsiteX11" fmla="*/ 3290420 w 3290420"/>
              <a:gd name="connsiteY11" fmla="*/ 436501 h 784409"/>
              <a:gd name="connsiteX12" fmla="*/ 3290420 w 3290420"/>
              <a:gd name="connsiteY12" fmla="*/ 436503 h 784409"/>
              <a:gd name="connsiteX13" fmla="*/ 3290420 w 3290420"/>
              <a:gd name="connsiteY13" fmla="*/ 573738 h 784409"/>
              <a:gd name="connsiteX0" fmla="*/ 2861541 w 3290420"/>
              <a:gd name="connsiteY0" fmla="*/ 573738 h 573738"/>
              <a:gd name="connsiteX1" fmla="*/ 0 w 3290420"/>
              <a:gd name="connsiteY1" fmla="*/ 573738 h 573738"/>
              <a:gd name="connsiteX2" fmla="*/ 0 w 3290420"/>
              <a:gd name="connsiteY2" fmla="*/ 296968 h 573738"/>
              <a:gd name="connsiteX3" fmla="*/ 1 w 3290420"/>
              <a:gd name="connsiteY3" fmla="*/ 296968 h 573738"/>
              <a:gd name="connsiteX4" fmla="*/ 1 w 3290420"/>
              <a:gd name="connsiteY4" fmla="*/ 137238 h 573738"/>
              <a:gd name="connsiteX5" fmla="*/ 137239 w 3290420"/>
              <a:gd name="connsiteY5" fmla="*/ 0 h 573738"/>
              <a:gd name="connsiteX6" fmla="*/ 2861541 w 3290420"/>
              <a:gd name="connsiteY6" fmla="*/ 0 h 573738"/>
              <a:gd name="connsiteX7" fmla="*/ 3153182 w 3290420"/>
              <a:gd name="connsiteY7" fmla="*/ 0 h 573738"/>
              <a:gd name="connsiteX8" fmla="*/ 3290420 w 3290420"/>
              <a:gd name="connsiteY8" fmla="*/ 0 h 573738"/>
              <a:gd name="connsiteX9" fmla="*/ 3290420 w 3290420"/>
              <a:gd name="connsiteY9" fmla="*/ 137238 h 573738"/>
              <a:gd name="connsiteX10" fmla="*/ 3290420 w 3290420"/>
              <a:gd name="connsiteY10" fmla="*/ 436501 h 573738"/>
              <a:gd name="connsiteX11" fmla="*/ 3290420 w 3290420"/>
              <a:gd name="connsiteY11" fmla="*/ 436503 h 573738"/>
              <a:gd name="connsiteX12" fmla="*/ 3290420 w 3290420"/>
              <a:gd name="connsiteY12" fmla="*/ 573738 h 573738"/>
              <a:gd name="connsiteX0" fmla="*/ 0 w 3290420"/>
              <a:gd name="connsiteY0" fmla="*/ 573738 h 573738"/>
              <a:gd name="connsiteX1" fmla="*/ 0 w 3290420"/>
              <a:gd name="connsiteY1" fmla="*/ 296968 h 573738"/>
              <a:gd name="connsiteX2" fmla="*/ 1 w 3290420"/>
              <a:gd name="connsiteY2" fmla="*/ 296968 h 573738"/>
              <a:gd name="connsiteX3" fmla="*/ 1 w 3290420"/>
              <a:gd name="connsiteY3" fmla="*/ 137238 h 573738"/>
              <a:gd name="connsiteX4" fmla="*/ 137239 w 3290420"/>
              <a:gd name="connsiteY4" fmla="*/ 0 h 573738"/>
              <a:gd name="connsiteX5" fmla="*/ 2861541 w 3290420"/>
              <a:gd name="connsiteY5" fmla="*/ 0 h 573738"/>
              <a:gd name="connsiteX6" fmla="*/ 3153182 w 3290420"/>
              <a:gd name="connsiteY6" fmla="*/ 0 h 573738"/>
              <a:gd name="connsiteX7" fmla="*/ 3290420 w 3290420"/>
              <a:gd name="connsiteY7" fmla="*/ 0 h 573738"/>
              <a:gd name="connsiteX8" fmla="*/ 3290420 w 3290420"/>
              <a:gd name="connsiteY8" fmla="*/ 137238 h 573738"/>
              <a:gd name="connsiteX9" fmla="*/ 3290420 w 3290420"/>
              <a:gd name="connsiteY9" fmla="*/ 436501 h 573738"/>
              <a:gd name="connsiteX10" fmla="*/ 3290420 w 3290420"/>
              <a:gd name="connsiteY10" fmla="*/ 436503 h 573738"/>
              <a:gd name="connsiteX11" fmla="*/ 3290420 w 3290420"/>
              <a:gd name="connsiteY11" fmla="*/ 573738 h 5737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3290420" h="573738">
                <a:moveTo>
                  <a:pt x="0" y="573738"/>
                </a:moveTo>
                <a:lnTo>
                  <a:pt x="0" y="296968"/>
                </a:lnTo>
                <a:lnTo>
                  <a:pt x="1" y="296968"/>
                </a:lnTo>
                <a:lnTo>
                  <a:pt x="1" y="137238"/>
                </a:lnTo>
                <a:cubicBezTo>
                  <a:pt x="1" y="61444"/>
                  <a:pt x="61445" y="0"/>
                  <a:pt x="137239" y="0"/>
                </a:cubicBezTo>
                <a:lnTo>
                  <a:pt x="2861541" y="0"/>
                </a:lnTo>
                <a:lnTo>
                  <a:pt x="3153182" y="0"/>
                </a:lnTo>
                <a:lnTo>
                  <a:pt x="3290420" y="0"/>
                </a:lnTo>
                <a:lnTo>
                  <a:pt x="3290420" y="137238"/>
                </a:lnTo>
                <a:lnTo>
                  <a:pt x="3290420" y="436501"/>
                </a:lnTo>
                <a:lnTo>
                  <a:pt x="3290420" y="436503"/>
                </a:lnTo>
                <a:lnTo>
                  <a:pt x="3290420" y="573738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13" name="Kombinationstegning: figur 12">
            <a:extLst>
              <a:ext uri="{FF2B5EF4-FFF2-40B4-BE49-F238E27FC236}">
                <a16:creationId xmlns:a16="http://schemas.microsoft.com/office/drawing/2014/main" id="{48A5DC69-715C-A5CB-06D3-FD6482E72F48}"/>
              </a:ext>
            </a:extLst>
          </p:cNvPr>
          <p:cNvSpPr/>
          <p:nvPr userDrawn="1"/>
        </p:nvSpPr>
        <p:spPr>
          <a:xfrm rot="5400000">
            <a:off x="-527441" y="2744110"/>
            <a:ext cx="2656746" cy="1601868"/>
          </a:xfrm>
          <a:custGeom>
            <a:avLst/>
            <a:gdLst>
              <a:gd name="connsiteX0" fmla="*/ 0 w 2656746"/>
              <a:gd name="connsiteY0" fmla="*/ 1439807 h 1601868"/>
              <a:gd name="connsiteX1" fmla="*/ 0 w 2656746"/>
              <a:gd name="connsiteY1" fmla="*/ 162061 h 1601868"/>
              <a:gd name="connsiteX2" fmla="*/ 162061 w 2656746"/>
              <a:gd name="connsiteY2" fmla="*/ 0 h 1601868"/>
              <a:gd name="connsiteX3" fmla="*/ 2494683 w 2656746"/>
              <a:gd name="connsiteY3" fmla="*/ 0 h 1601868"/>
              <a:gd name="connsiteX4" fmla="*/ 2656744 w 2656746"/>
              <a:gd name="connsiteY4" fmla="*/ 162061 h 1601868"/>
              <a:gd name="connsiteX5" fmla="*/ 2656744 w 2656746"/>
              <a:gd name="connsiteY5" fmla="*/ 259006 h 1601868"/>
              <a:gd name="connsiteX6" fmla="*/ 2656746 w 2656746"/>
              <a:gd name="connsiteY6" fmla="*/ 259006 h 1601868"/>
              <a:gd name="connsiteX7" fmla="*/ 2656746 w 2656746"/>
              <a:gd name="connsiteY7" fmla="*/ 1601868 h 1601868"/>
              <a:gd name="connsiteX8" fmla="*/ 2494683 w 2656746"/>
              <a:gd name="connsiteY8" fmla="*/ 1601868 h 1601868"/>
              <a:gd name="connsiteX9" fmla="*/ 162061 w 2656746"/>
              <a:gd name="connsiteY9" fmla="*/ 1601868 h 1601868"/>
              <a:gd name="connsiteX10" fmla="*/ 2 w 2656746"/>
              <a:gd name="connsiteY10" fmla="*/ 1601868 h 1601868"/>
              <a:gd name="connsiteX11" fmla="*/ 2 w 2656746"/>
              <a:gd name="connsiteY11" fmla="*/ 1439817 h 1601868"/>
              <a:gd name="connsiteX0" fmla="*/ 2 w 2656746"/>
              <a:gd name="connsiteY0" fmla="*/ 1601868 h 1693308"/>
              <a:gd name="connsiteX1" fmla="*/ 2 w 2656746"/>
              <a:gd name="connsiteY1" fmla="*/ 1439817 h 1693308"/>
              <a:gd name="connsiteX2" fmla="*/ 0 w 2656746"/>
              <a:gd name="connsiteY2" fmla="*/ 1439807 h 1693308"/>
              <a:gd name="connsiteX3" fmla="*/ 0 w 2656746"/>
              <a:gd name="connsiteY3" fmla="*/ 162061 h 1693308"/>
              <a:gd name="connsiteX4" fmla="*/ 162061 w 2656746"/>
              <a:gd name="connsiteY4" fmla="*/ 0 h 1693308"/>
              <a:gd name="connsiteX5" fmla="*/ 2494683 w 2656746"/>
              <a:gd name="connsiteY5" fmla="*/ 0 h 1693308"/>
              <a:gd name="connsiteX6" fmla="*/ 2656744 w 2656746"/>
              <a:gd name="connsiteY6" fmla="*/ 162061 h 1693308"/>
              <a:gd name="connsiteX7" fmla="*/ 2656744 w 2656746"/>
              <a:gd name="connsiteY7" fmla="*/ 259006 h 1693308"/>
              <a:gd name="connsiteX8" fmla="*/ 2656746 w 2656746"/>
              <a:gd name="connsiteY8" fmla="*/ 259006 h 1693308"/>
              <a:gd name="connsiteX9" fmla="*/ 2656746 w 2656746"/>
              <a:gd name="connsiteY9" fmla="*/ 1601868 h 1693308"/>
              <a:gd name="connsiteX10" fmla="*/ 2494683 w 2656746"/>
              <a:gd name="connsiteY10" fmla="*/ 1601868 h 1693308"/>
              <a:gd name="connsiteX11" fmla="*/ 162061 w 2656746"/>
              <a:gd name="connsiteY11" fmla="*/ 1601868 h 1693308"/>
              <a:gd name="connsiteX12" fmla="*/ 91442 w 2656746"/>
              <a:gd name="connsiteY12" fmla="*/ 1693308 h 169330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  <a:gd name="connsiteX10" fmla="*/ 2494683 w 2656746"/>
              <a:gd name="connsiteY10" fmla="*/ 1601868 h 1601868"/>
              <a:gd name="connsiteX11" fmla="*/ 162061 w 2656746"/>
              <a:gd name="connsiteY11" fmla="*/ 1601868 h 160186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  <a:gd name="connsiteX10" fmla="*/ 2494683 w 2656746"/>
              <a:gd name="connsiteY10" fmla="*/ 1601868 h 1601868"/>
              <a:gd name="connsiteX0" fmla="*/ 2 w 2656746"/>
              <a:gd name="connsiteY0" fmla="*/ 1601868 h 1601868"/>
              <a:gd name="connsiteX1" fmla="*/ 2 w 2656746"/>
              <a:gd name="connsiteY1" fmla="*/ 1439817 h 1601868"/>
              <a:gd name="connsiteX2" fmla="*/ 0 w 2656746"/>
              <a:gd name="connsiteY2" fmla="*/ 1439807 h 1601868"/>
              <a:gd name="connsiteX3" fmla="*/ 0 w 2656746"/>
              <a:gd name="connsiteY3" fmla="*/ 162061 h 1601868"/>
              <a:gd name="connsiteX4" fmla="*/ 162061 w 2656746"/>
              <a:gd name="connsiteY4" fmla="*/ 0 h 1601868"/>
              <a:gd name="connsiteX5" fmla="*/ 2494683 w 2656746"/>
              <a:gd name="connsiteY5" fmla="*/ 0 h 1601868"/>
              <a:gd name="connsiteX6" fmla="*/ 2656744 w 2656746"/>
              <a:gd name="connsiteY6" fmla="*/ 162061 h 1601868"/>
              <a:gd name="connsiteX7" fmla="*/ 2656744 w 2656746"/>
              <a:gd name="connsiteY7" fmla="*/ 259006 h 1601868"/>
              <a:gd name="connsiteX8" fmla="*/ 2656746 w 2656746"/>
              <a:gd name="connsiteY8" fmla="*/ 259006 h 1601868"/>
              <a:gd name="connsiteX9" fmla="*/ 2656746 w 2656746"/>
              <a:gd name="connsiteY9" fmla="*/ 1601868 h 16018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2656746" h="1601868">
                <a:moveTo>
                  <a:pt x="2" y="1601868"/>
                </a:moveTo>
                <a:lnTo>
                  <a:pt x="2" y="1439817"/>
                </a:lnTo>
                <a:cubicBezTo>
                  <a:pt x="1" y="1439814"/>
                  <a:pt x="1" y="1439810"/>
                  <a:pt x="0" y="1439807"/>
                </a:cubicBezTo>
                <a:lnTo>
                  <a:pt x="0" y="162061"/>
                </a:lnTo>
                <a:cubicBezTo>
                  <a:pt x="0" y="72557"/>
                  <a:pt x="72557" y="0"/>
                  <a:pt x="162061" y="0"/>
                </a:cubicBezTo>
                <a:lnTo>
                  <a:pt x="2494683" y="0"/>
                </a:lnTo>
                <a:cubicBezTo>
                  <a:pt x="2584187" y="0"/>
                  <a:pt x="2656744" y="72557"/>
                  <a:pt x="2656744" y="162061"/>
                </a:cubicBezTo>
                <a:lnTo>
                  <a:pt x="2656744" y="259006"/>
                </a:lnTo>
                <a:lnTo>
                  <a:pt x="2656746" y="259006"/>
                </a:lnTo>
                <a:lnTo>
                  <a:pt x="2656746" y="1601868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47" name="Freeform: Shape 79">
            <a:extLst>
              <a:ext uri="{FF2B5EF4-FFF2-40B4-BE49-F238E27FC236}">
                <a16:creationId xmlns:a16="http://schemas.microsoft.com/office/drawing/2014/main" id="{441A6F05-6F6E-988B-FA5B-FB1CCAE99F15}"/>
              </a:ext>
            </a:extLst>
          </p:cNvPr>
          <p:cNvSpPr/>
          <p:nvPr userDrawn="1"/>
        </p:nvSpPr>
        <p:spPr>
          <a:xfrm rot="5400000">
            <a:off x="-1016912" y="2810669"/>
            <a:ext cx="1740665" cy="6383726"/>
          </a:xfrm>
          <a:custGeom>
            <a:avLst/>
            <a:gdLst>
              <a:gd name="connsiteX0" fmla="*/ 0 w 1740665"/>
              <a:gd name="connsiteY0" fmla="*/ 6383726 h 6559829"/>
              <a:gd name="connsiteX1" fmla="*/ 0 w 1740665"/>
              <a:gd name="connsiteY1" fmla="*/ 176104 h 6559829"/>
              <a:gd name="connsiteX2" fmla="*/ 176103 w 1740665"/>
              <a:gd name="connsiteY2" fmla="*/ 1 h 6559829"/>
              <a:gd name="connsiteX3" fmla="*/ 566238 w 1740665"/>
              <a:gd name="connsiteY3" fmla="*/ 1 h 6559829"/>
              <a:gd name="connsiteX4" fmla="*/ 566238 w 1740665"/>
              <a:gd name="connsiteY4" fmla="*/ 0 h 6559829"/>
              <a:gd name="connsiteX5" fmla="*/ 1740665 w 1740665"/>
              <a:gd name="connsiteY5" fmla="*/ 0 h 6559829"/>
              <a:gd name="connsiteX6" fmla="*/ 1740665 w 1740665"/>
              <a:gd name="connsiteY6" fmla="*/ 6551498 h 6559829"/>
              <a:gd name="connsiteX7" fmla="*/ 1605825 w 1740665"/>
              <a:gd name="connsiteY7" fmla="*/ 6551498 h 6559829"/>
              <a:gd name="connsiteX8" fmla="*/ 1564562 w 1740665"/>
              <a:gd name="connsiteY8" fmla="*/ 6559829 h 6559829"/>
              <a:gd name="connsiteX9" fmla="*/ 176103 w 1740665"/>
              <a:gd name="connsiteY9" fmla="*/ 6559829 h 6559829"/>
              <a:gd name="connsiteX10" fmla="*/ 0 w 1740665"/>
              <a:gd name="connsiteY10" fmla="*/ 6383726 h 6559829"/>
              <a:gd name="connsiteX0" fmla="*/ 1740665 w 1832105"/>
              <a:gd name="connsiteY0" fmla="*/ 6551498 h 6642938"/>
              <a:gd name="connsiteX1" fmla="*/ 1605825 w 1832105"/>
              <a:gd name="connsiteY1" fmla="*/ 6551498 h 6642938"/>
              <a:gd name="connsiteX2" fmla="*/ 1564562 w 1832105"/>
              <a:gd name="connsiteY2" fmla="*/ 6559829 h 6642938"/>
              <a:gd name="connsiteX3" fmla="*/ 176103 w 1832105"/>
              <a:gd name="connsiteY3" fmla="*/ 6559829 h 6642938"/>
              <a:gd name="connsiteX4" fmla="*/ 0 w 1832105"/>
              <a:gd name="connsiteY4" fmla="*/ 6383726 h 6642938"/>
              <a:gd name="connsiteX5" fmla="*/ 0 w 1832105"/>
              <a:gd name="connsiteY5" fmla="*/ 176104 h 6642938"/>
              <a:gd name="connsiteX6" fmla="*/ 176103 w 1832105"/>
              <a:gd name="connsiteY6" fmla="*/ 1 h 6642938"/>
              <a:gd name="connsiteX7" fmla="*/ 566238 w 1832105"/>
              <a:gd name="connsiteY7" fmla="*/ 1 h 6642938"/>
              <a:gd name="connsiteX8" fmla="*/ 566238 w 1832105"/>
              <a:gd name="connsiteY8" fmla="*/ 0 h 6642938"/>
              <a:gd name="connsiteX9" fmla="*/ 1740665 w 1832105"/>
              <a:gd name="connsiteY9" fmla="*/ 0 h 6642938"/>
              <a:gd name="connsiteX10" fmla="*/ 1832105 w 1832105"/>
              <a:gd name="connsiteY10" fmla="*/ 6642938 h 6642938"/>
              <a:gd name="connsiteX0" fmla="*/ 1740665 w 1740665"/>
              <a:gd name="connsiteY0" fmla="*/ 6551498 h 6559829"/>
              <a:gd name="connsiteX1" fmla="*/ 1605825 w 1740665"/>
              <a:gd name="connsiteY1" fmla="*/ 6551498 h 6559829"/>
              <a:gd name="connsiteX2" fmla="*/ 1564562 w 1740665"/>
              <a:gd name="connsiteY2" fmla="*/ 6559829 h 6559829"/>
              <a:gd name="connsiteX3" fmla="*/ 176103 w 1740665"/>
              <a:gd name="connsiteY3" fmla="*/ 6559829 h 6559829"/>
              <a:gd name="connsiteX4" fmla="*/ 0 w 1740665"/>
              <a:gd name="connsiteY4" fmla="*/ 6383726 h 6559829"/>
              <a:gd name="connsiteX5" fmla="*/ 0 w 1740665"/>
              <a:gd name="connsiteY5" fmla="*/ 176104 h 6559829"/>
              <a:gd name="connsiteX6" fmla="*/ 176103 w 1740665"/>
              <a:gd name="connsiteY6" fmla="*/ 1 h 6559829"/>
              <a:gd name="connsiteX7" fmla="*/ 566238 w 1740665"/>
              <a:gd name="connsiteY7" fmla="*/ 1 h 6559829"/>
              <a:gd name="connsiteX8" fmla="*/ 566238 w 1740665"/>
              <a:gd name="connsiteY8" fmla="*/ 0 h 6559829"/>
              <a:gd name="connsiteX9" fmla="*/ 1740665 w 1740665"/>
              <a:gd name="connsiteY9" fmla="*/ 0 h 6559829"/>
              <a:gd name="connsiteX0" fmla="*/ 1605825 w 1740665"/>
              <a:gd name="connsiteY0" fmla="*/ 6551498 h 6559829"/>
              <a:gd name="connsiteX1" fmla="*/ 1564562 w 1740665"/>
              <a:gd name="connsiteY1" fmla="*/ 6559829 h 6559829"/>
              <a:gd name="connsiteX2" fmla="*/ 176103 w 1740665"/>
              <a:gd name="connsiteY2" fmla="*/ 6559829 h 6559829"/>
              <a:gd name="connsiteX3" fmla="*/ 0 w 1740665"/>
              <a:gd name="connsiteY3" fmla="*/ 6383726 h 6559829"/>
              <a:gd name="connsiteX4" fmla="*/ 0 w 1740665"/>
              <a:gd name="connsiteY4" fmla="*/ 176104 h 6559829"/>
              <a:gd name="connsiteX5" fmla="*/ 176103 w 1740665"/>
              <a:gd name="connsiteY5" fmla="*/ 1 h 6559829"/>
              <a:gd name="connsiteX6" fmla="*/ 566238 w 1740665"/>
              <a:gd name="connsiteY6" fmla="*/ 1 h 6559829"/>
              <a:gd name="connsiteX7" fmla="*/ 566238 w 1740665"/>
              <a:gd name="connsiteY7" fmla="*/ 0 h 6559829"/>
              <a:gd name="connsiteX8" fmla="*/ 1740665 w 1740665"/>
              <a:gd name="connsiteY8" fmla="*/ 0 h 6559829"/>
              <a:gd name="connsiteX0" fmla="*/ 1605825 w 1740665"/>
              <a:gd name="connsiteY0" fmla="*/ 6551498 h 6559829"/>
              <a:gd name="connsiteX1" fmla="*/ 176103 w 1740665"/>
              <a:gd name="connsiteY1" fmla="*/ 6559829 h 6559829"/>
              <a:gd name="connsiteX2" fmla="*/ 0 w 1740665"/>
              <a:gd name="connsiteY2" fmla="*/ 6383726 h 6559829"/>
              <a:gd name="connsiteX3" fmla="*/ 0 w 1740665"/>
              <a:gd name="connsiteY3" fmla="*/ 176104 h 6559829"/>
              <a:gd name="connsiteX4" fmla="*/ 176103 w 1740665"/>
              <a:gd name="connsiteY4" fmla="*/ 1 h 6559829"/>
              <a:gd name="connsiteX5" fmla="*/ 566238 w 1740665"/>
              <a:gd name="connsiteY5" fmla="*/ 1 h 6559829"/>
              <a:gd name="connsiteX6" fmla="*/ 566238 w 1740665"/>
              <a:gd name="connsiteY6" fmla="*/ 0 h 6559829"/>
              <a:gd name="connsiteX7" fmla="*/ 1740665 w 1740665"/>
              <a:gd name="connsiteY7" fmla="*/ 0 h 6559829"/>
              <a:gd name="connsiteX0" fmla="*/ 176103 w 1740665"/>
              <a:gd name="connsiteY0" fmla="*/ 6559829 h 6559829"/>
              <a:gd name="connsiteX1" fmla="*/ 0 w 1740665"/>
              <a:gd name="connsiteY1" fmla="*/ 6383726 h 6559829"/>
              <a:gd name="connsiteX2" fmla="*/ 0 w 1740665"/>
              <a:gd name="connsiteY2" fmla="*/ 176104 h 6559829"/>
              <a:gd name="connsiteX3" fmla="*/ 176103 w 1740665"/>
              <a:gd name="connsiteY3" fmla="*/ 1 h 6559829"/>
              <a:gd name="connsiteX4" fmla="*/ 566238 w 1740665"/>
              <a:gd name="connsiteY4" fmla="*/ 1 h 6559829"/>
              <a:gd name="connsiteX5" fmla="*/ 566238 w 1740665"/>
              <a:gd name="connsiteY5" fmla="*/ 0 h 6559829"/>
              <a:gd name="connsiteX6" fmla="*/ 1740665 w 1740665"/>
              <a:gd name="connsiteY6" fmla="*/ 0 h 6559829"/>
              <a:gd name="connsiteX0" fmla="*/ 0 w 1740665"/>
              <a:gd name="connsiteY0" fmla="*/ 6383726 h 6383726"/>
              <a:gd name="connsiteX1" fmla="*/ 0 w 1740665"/>
              <a:gd name="connsiteY1" fmla="*/ 176104 h 6383726"/>
              <a:gd name="connsiteX2" fmla="*/ 176103 w 1740665"/>
              <a:gd name="connsiteY2" fmla="*/ 1 h 6383726"/>
              <a:gd name="connsiteX3" fmla="*/ 566238 w 1740665"/>
              <a:gd name="connsiteY3" fmla="*/ 1 h 6383726"/>
              <a:gd name="connsiteX4" fmla="*/ 566238 w 1740665"/>
              <a:gd name="connsiteY4" fmla="*/ 0 h 6383726"/>
              <a:gd name="connsiteX5" fmla="*/ 1740665 w 1740665"/>
              <a:gd name="connsiteY5" fmla="*/ 0 h 63837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740665" h="6383726">
                <a:moveTo>
                  <a:pt x="0" y="6383726"/>
                </a:moveTo>
                <a:lnTo>
                  <a:pt x="0" y="176104"/>
                </a:lnTo>
                <a:cubicBezTo>
                  <a:pt x="0" y="78845"/>
                  <a:pt x="78844" y="1"/>
                  <a:pt x="176103" y="1"/>
                </a:cubicBezTo>
                <a:lnTo>
                  <a:pt x="566238" y="1"/>
                </a:lnTo>
                <a:lnTo>
                  <a:pt x="566238" y="0"/>
                </a:lnTo>
                <a:lnTo>
                  <a:pt x="1740665" y="0"/>
                </a:lnTo>
              </a:path>
            </a:pathLst>
          </a:custGeom>
          <a:noFill/>
          <a:ln w="158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47998" y="647999"/>
            <a:ext cx="7176789" cy="154800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indsætte overskrift – max. to linjer</a:t>
            </a:r>
          </a:p>
        </p:txBody>
      </p:sp>
      <p:pic>
        <p:nvPicPr>
          <p:cNvPr id="3" name="Dynamic cover logo hvid" descr="{&quot;templafy&quot;:{&quot;id&quot;:&quot;43b16df3-2e2a-4d8d-bbb5-7c890c5a356a&quot;}}">
            <a:extLst>
              <a:ext uri="{FF2B5EF4-FFF2-40B4-BE49-F238E27FC236}">
                <a16:creationId xmlns:a16="http://schemas.microsoft.com/office/drawing/2014/main" id="{32482C54-8426-EC3D-6155-51BFB1119F8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5958000"/>
            <a:ext cx="2519366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2348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-1.48148E-6 L 0.21224 -1.48148E-6 " pathEditMode="relative" rAng="0" ptsTypes="AA">
                                      <p:cBhvr>
                                        <p:cTn id="6" dur="5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0612" y="0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64" presetClass="path" presetSubtype="0" repeatCount="indefinite" accel="50000" decel="50000" autoRev="1" fill="hold" nodeType="withEffect">
                                  <p:stCondLst>
                                    <p:cond delay="1700"/>
                                  </p:stCondLst>
                                  <p:childTnLst>
                                    <p:animMotion origin="layout" path="M -1.875E-6 -7.40741E-7 L -1.875E-6 -0.09699 " pathEditMode="relative" rAng="0" ptsTypes="AA">
                                      <p:cBhvr>
                                        <p:cTn id="8" dur="675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4861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42" presetClass="path" presetSubtype="0" repeatCount="indefinite" accel="50000" decel="50000" autoRev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91667E-6 3.7037E-7 L 0.05742 3.7037E-7 " pathEditMode="relative" rAng="0" ptsTypes="AA">
                                      <p:cBhvr>
                                        <p:cTn id="10" dur="675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865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 animBg="1"/>
    </p:bldLst>
  </p:timing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1.emf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lide Number Placeholder 5" hidden="1">
            <a:extLst>
              <a:ext uri="{FF2B5EF4-FFF2-40B4-BE49-F238E27FC236}">
                <a16:creationId xmlns:a16="http://schemas.microsoft.com/office/drawing/2014/main" id="{983C28E1-92B2-D8C8-9E08-C938486D60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96000" y="6442838"/>
            <a:ext cx="3456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accent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4" name="Date Placeholder 1" hidden="1">
            <a:extLst>
              <a:ext uri="{FF2B5EF4-FFF2-40B4-BE49-F238E27FC236}">
                <a16:creationId xmlns:a16="http://schemas.microsoft.com/office/drawing/2014/main" id="{840A5991-28B4-E238-6B1A-59D6CAB82F2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013825" y="6442838"/>
            <a:ext cx="1600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accent1"/>
                </a:solidFill>
              </a:defRPr>
            </a:lvl1pPr>
          </a:lstStyle>
          <a:p>
            <a:fld id="{E2078FB6-9325-4879-990F-92B63978831B}" type="datetime2">
              <a:rPr lang="da-DK" smtClean="0"/>
              <a:t>23. september 2025</a:t>
            </a:fld>
            <a:endParaRPr lang="da-DK" dirty="0"/>
          </a:p>
        </p:txBody>
      </p:sp>
      <p:sp>
        <p:nvSpPr>
          <p:cNvPr id="15" name="Footer Placeholder 7" hidden="1">
            <a:extLst>
              <a:ext uri="{FF2B5EF4-FFF2-40B4-BE49-F238E27FC236}">
                <a16:creationId xmlns:a16="http://schemas.microsoft.com/office/drawing/2014/main" id="{1B9B2E7C-A8F2-45D0-63ED-D1E723B183B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107657" y="6442838"/>
            <a:ext cx="3976687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800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10897200" cy="12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8000" y="1944000"/>
            <a:ext cx="10897200" cy="4006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                                                                                                                                                                               Klik ENTER og derefter TAB for at se næste tekstformat                                                                                        Klik SHIFT+TAB for at se foregående tekstformat</a:t>
            </a:r>
          </a:p>
          <a:p>
            <a:pPr lvl="1"/>
            <a:r>
              <a:rPr lang="da-DK" noProof="0" dirty="0"/>
              <a:t>Niveau 2</a:t>
            </a:r>
          </a:p>
          <a:p>
            <a:pPr lvl="2"/>
            <a:r>
              <a:rPr lang="da-DK" noProof="0" dirty="0"/>
              <a:t>Niveau 3</a:t>
            </a:r>
          </a:p>
          <a:p>
            <a:pPr lvl="3"/>
            <a:r>
              <a:rPr lang="da-DK" noProof="0" dirty="0"/>
              <a:t>Niveau 4, Overskrift</a:t>
            </a:r>
          </a:p>
          <a:p>
            <a:pPr lvl="4"/>
            <a:r>
              <a:rPr lang="da-DK" noProof="0" dirty="0"/>
              <a:t>Niveau 5, Brødtekst</a:t>
            </a:r>
          </a:p>
          <a:p>
            <a:pPr lvl="5"/>
            <a:r>
              <a:rPr lang="da-DK" noProof="0" dirty="0"/>
              <a:t>Niveau 6</a:t>
            </a:r>
          </a:p>
          <a:p>
            <a:pPr lvl="6"/>
            <a:r>
              <a:rPr lang="da-DK" noProof="0" dirty="0"/>
              <a:t>Niveau 7, lille overskrift</a:t>
            </a:r>
          </a:p>
          <a:p>
            <a:pPr lvl="7"/>
            <a:r>
              <a:rPr lang="da-DK" noProof="0" dirty="0"/>
              <a:t>Niveau 8, lille brødtekst</a:t>
            </a:r>
          </a:p>
          <a:p>
            <a:pPr lvl="8"/>
            <a:r>
              <a:rPr lang="da-DK" noProof="0" dirty="0"/>
              <a:t>Niveau 9, Infografik</a:t>
            </a:r>
          </a:p>
        </p:txBody>
      </p:sp>
      <p:pic>
        <p:nvPicPr>
          <p:cNvPr id="2" name="Dynamic logo lilla" descr="{&quot;templafy&quot;:{&quot;id&quot;:&quot;064a3441-3887-48af-9588-da69482b5863&quot;}}">
            <a:extLst>
              <a:ext uri="{FF2B5EF4-FFF2-40B4-BE49-F238E27FC236}">
                <a16:creationId xmlns:a16="http://schemas.microsoft.com/office/drawing/2014/main" id="{6575FF71-539C-6AE8-8783-7E57980C8831}"/>
              </a:ext>
            </a:extLst>
          </p:cNvPr>
          <p:cNvPicPr>
            <a:picLocks noChangeAspect="1"/>
          </p:cNvPicPr>
          <p:nvPr userDrawn="1"/>
        </p:nvPicPr>
        <p:blipFill>
          <a:blip r:embed="rId48"/>
          <a:stretch>
            <a:fillRect/>
          </a:stretch>
        </p:blipFill>
        <p:spPr>
          <a:xfrm>
            <a:off x="0" y="6146006"/>
            <a:ext cx="3224210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832" r:id="rId2"/>
    <p:sldLayoutId id="2147483807" r:id="rId3"/>
    <p:sldLayoutId id="2147483808" r:id="rId4"/>
    <p:sldLayoutId id="2147483809" r:id="rId5"/>
    <p:sldLayoutId id="2147483805" r:id="rId6"/>
    <p:sldLayoutId id="2147483834" r:id="rId7"/>
    <p:sldLayoutId id="2147483833" r:id="rId8"/>
    <p:sldLayoutId id="2147483835" r:id="rId9"/>
    <p:sldLayoutId id="2147483836" r:id="rId10"/>
    <p:sldLayoutId id="2147483837" r:id="rId11"/>
    <p:sldLayoutId id="2147483800" r:id="rId12"/>
    <p:sldLayoutId id="2147483802" r:id="rId13"/>
    <p:sldLayoutId id="2147483801" r:id="rId14"/>
    <p:sldLayoutId id="2147483803" r:id="rId15"/>
    <p:sldLayoutId id="2147483839" r:id="rId16"/>
    <p:sldLayoutId id="2147483829" r:id="rId17"/>
    <p:sldLayoutId id="2147483830" r:id="rId18"/>
    <p:sldLayoutId id="2147483794" r:id="rId19"/>
    <p:sldLayoutId id="2147483791" r:id="rId20"/>
    <p:sldLayoutId id="2147483795" r:id="rId21"/>
    <p:sldLayoutId id="2147483793" r:id="rId22"/>
    <p:sldLayoutId id="2147483826" r:id="rId23"/>
    <p:sldLayoutId id="2147483796" r:id="rId24"/>
    <p:sldLayoutId id="2147483755" r:id="rId25"/>
    <p:sldLayoutId id="2147483825" r:id="rId26"/>
    <p:sldLayoutId id="2147483792" r:id="rId27"/>
    <p:sldLayoutId id="2147483823" r:id="rId28"/>
    <p:sldLayoutId id="2147483797" r:id="rId29"/>
    <p:sldLayoutId id="2147483824" r:id="rId30"/>
    <p:sldLayoutId id="2147483818" r:id="rId31"/>
    <p:sldLayoutId id="2147483758" r:id="rId32"/>
    <p:sldLayoutId id="2147483816" r:id="rId33"/>
    <p:sldLayoutId id="2147483817" r:id="rId34"/>
    <p:sldLayoutId id="2147483766" r:id="rId35"/>
    <p:sldLayoutId id="2147483767" r:id="rId36"/>
    <p:sldLayoutId id="2147483820" r:id="rId37"/>
    <p:sldLayoutId id="2147483819" r:id="rId38"/>
    <p:sldLayoutId id="2147483831" r:id="rId39"/>
    <p:sldLayoutId id="2147483821" r:id="rId40"/>
    <p:sldLayoutId id="2147483743" r:id="rId41"/>
    <p:sldLayoutId id="2147483827" r:id="rId42"/>
    <p:sldLayoutId id="2147483828" r:id="rId43"/>
    <p:sldLayoutId id="2147483744" r:id="rId44"/>
    <p:sldLayoutId id="2147483822" r:id="rId45"/>
    <p:sldLayoutId id="2147483783" r:id="rId46"/>
  </p:sldLayoutIdLst>
  <p:hf sldNum="0" hdr="0" ftr="0" dt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000" b="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accent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2000" b="1" kern="1200">
          <a:solidFill>
            <a:schemeClr val="accent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tabLst/>
        <a:defRPr sz="2000" kern="1200">
          <a:solidFill>
            <a:schemeClr val="accent1"/>
          </a:solidFill>
          <a:latin typeface="+mn-lt"/>
          <a:ea typeface="+mn-ea"/>
          <a:cs typeface="+mn-cs"/>
        </a:defRPr>
      </a:lvl5pPr>
      <a:lvl6pPr marL="90000" indent="-9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accent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1000" b="1" kern="1200" baseline="0">
          <a:solidFill>
            <a:schemeClr val="accent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kern="1200">
          <a:solidFill>
            <a:schemeClr val="accent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87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6000" kern="1200" baseline="0">
          <a:solidFill>
            <a:schemeClr val="accent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08" userDrawn="1">
          <p15:clr>
            <a:srgbClr val="F26B43"/>
          </p15:clr>
        </p15:guide>
        <p15:guide id="2" pos="830" userDrawn="1">
          <p15:clr>
            <a:srgbClr val="A4A4A4"/>
          </p15:clr>
        </p15:guide>
        <p15:guide id="3" orient="horz" pos="408" userDrawn="1">
          <p15:clr>
            <a:srgbClr val="F26B43"/>
          </p15:clr>
        </p15:guide>
        <p15:guide id="4" orient="horz" pos="3748" userDrawn="1">
          <p15:clr>
            <a:srgbClr val="F26B43"/>
          </p15:clr>
        </p15:guide>
        <p15:guide id="5" pos="993" userDrawn="1">
          <p15:clr>
            <a:srgbClr val="A4A4A4"/>
          </p15:clr>
        </p15:guide>
        <p15:guide id="6" pos="1416" userDrawn="1">
          <p15:clr>
            <a:srgbClr val="A4A4A4"/>
          </p15:clr>
        </p15:guide>
        <p15:guide id="7" pos="1579" userDrawn="1">
          <p15:clr>
            <a:srgbClr val="A4A4A4"/>
          </p15:clr>
        </p15:guide>
        <p15:guide id="8" pos="2001" userDrawn="1">
          <p15:clr>
            <a:srgbClr val="A4A4A4"/>
          </p15:clr>
        </p15:guide>
        <p15:guide id="9" pos="2164" userDrawn="1">
          <p15:clr>
            <a:srgbClr val="A4A4A4"/>
          </p15:clr>
        </p15:guide>
        <p15:guide id="10" pos="2587" userDrawn="1">
          <p15:clr>
            <a:srgbClr val="A4A4A4"/>
          </p15:clr>
        </p15:guide>
        <p15:guide id="11" pos="2750" userDrawn="1">
          <p15:clr>
            <a:srgbClr val="A4A4A4"/>
          </p15:clr>
        </p15:guide>
        <p15:guide id="12" pos="3172" userDrawn="1">
          <p15:clr>
            <a:srgbClr val="A4A4A4"/>
          </p15:clr>
        </p15:guide>
        <p15:guide id="13" pos="3336" userDrawn="1">
          <p15:clr>
            <a:srgbClr val="A4A4A4"/>
          </p15:clr>
        </p15:guide>
        <p15:guide id="14" pos="3758" userDrawn="1">
          <p15:clr>
            <a:srgbClr val="A4A4A4"/>
          </p15:clr>
        </p15:guide>
        <p15:guide id="15" pos="3921" userDrawn="1">
          <p15:clr>
            <a:srgbClr val="A4A4A4"/>
          </p15:clr>
        </p15:guide>
        <p15:guide id="16" pos="4343" userDrawn="1">
          <p15:clr>
            <a:srgbClr val="A4A4A4"/>
          </p15:clr>
        </p15:guide>
        <p15:guide id="17" pos="4507" userDrawn="1">
          <p15:clr>
            <a:srgbClr val="A4A4A4"/>
          </p15:clr>
        </p15:guide>
        <p15:guide id="18" pos="4929" userDrawn="1">
          <p15:clr>
            <a:srgbClr val="A4A4A4"/>
          </p15:clr>
        </p15:guide>
        <p15:guide id="19" pos="5092" userDrawn="1">
          <p15:clr>
            <a:srgbClr val="A4A4A4"/>
          </p15:clr>
        </p15:guide>
        <p15:guide id="20" pos="5515" userDrawn="1">
          <p15:clr>
            <a:srgbClr val="A4A4A4"/>
          </p15:clr>
        </p15:guide>
        <p15:guide id="21" pos="5678" userDrawn="1">
          <p15:clr>
            <a:srgbClr val="A4A4A4"/>
          </p15:clr>
        </p15:guide>
        <p15:guide id="22" pos="6100" userDrawn="1">
          <p15:clr>
            <a:srgbClr val="A4A4A4"/>
          </p15:clr>
        </p15:guide>
        <p15:guide id="23" pos="6263" userDrawn="1">
          <p15:clr>
            <a:srgbClr val="A4A4A4"/>
          </p15:clr>
        </p15:guide>
        <p15:guide id="24" pos="6686" userDrawn="1">
          <p15:clr>
            <a:srgbClr val="A4A4A4"/>
          </p15:clr>
        </p15:guide>
        <p15:guide id="25" pos="6849" userDrawn="1">
          <p15:clr>
            <a:srgbClr val="A4A4A4"/>
          </p15:clr>
        </p15:guide>
        <p15:guide id="26" pos="7271" userDrawn="1">
          <p15:clr>
            <a:srgbClr val="F26B43"/>
          </p15:clr>
        </p15:guide>
        <p15:guide id="27" orient="horz" pos="122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4" Type="http://schemas.openxmlformats.org/officeDocument/2006/relationships/image" Target="../media/image27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9.jpe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6" Type="http://schemas.openxmlformats.org/officeDocument/2006/relationships/image" Target="../media/image30.jpeg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4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4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Søgningen til gymnasieuddannelserne i 2020 holder niveauet fra 2019">
            <a:extLst>
              <a:ext uri="{FF2B5EF4-FFF2-40B4-BE49-F238E27FC236}">
                <a16:creationId xmlns:a16="http://schemas.microsoft.com/office/drawing/2014/main" id="{852B5F1D-645C-AF63-3E21-040F31914BB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0"/>
            <a:ext cx="12192001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30ED34D-2DA6-B554-7DE7-EE48994683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9399" y="381299"/>
            <a:ext cx="6562426" cy="1908000"/>
          </a:xfrm>
          <a:solidFill>
            <a:schemeClr val="accent1"/>
          </a:solidFill>
        </p:spPr>
        <p:txBody>
          <a:bodyPr lIns="108000" tIns="108000" rIns="108000" bIns="108000"/>
          <a:lstStyle/>
          <a:p>
            <a:br>
              <a:rPr lang="da-DK" sz="4000" dirty="0"/>
            </a:br>
            <a:r>
              <a:rPr lang="da-DK" sz="4000" dirty="0"/>
              <a:t>DI Karrieredag i uge 43</a:t>
            </a:r>
            <a:br>
              <a:rPr lang="da-DK" dirty="0"/>
            </a:br>
            <a:endParaRPr lang="da-DK" sz="3000" dirty="0">
              <a:solidFill>
                <a:schemeClr val="accent1">
                  <a:lumMod val="25000"/>
                  <a:lumOff val="75000"/>
                </a:schemeClr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DBA9519-35A0-86DF-1BB8-EDCC33563972}"/>
              </a:ext>
            </a:extLst>
          </p:cNvPr>
          <p:cNvSpPr txBox="1"/>
          <p:nvPr/>
        </p:nvSpPr>
        <p:spPr>
          <a:xfrm>
            <a:off x="2987817" y="2983701"/>
            <a:ext cx="61503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t>0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074054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EBE847-347D-5040-2E2F-3E30756620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 b="1" dirty="0"/>
              <a:t>6. Efterrefleksion - hvad kan du gøre herfra? </a:t>
            </a:r>
          </a:p>
        </p:txBody>
      </p:sp>
      <p:sp>
        <p:nvSpPr>
          <p:cNvPr id="5" name="Undertitel 3">
            <a:extLst>
              <a:ext uri="{FF2B5EF4-FFF2-40B4-BE49-F238E27FC236}">
                <a16:creationId xmlns:a16="http://schemas.microsoft.com/office/drawing/2014/main" id="{40B1ADCC-034E-2D9D-151C-0761944E08A9}"/>
              </a:ext>
            </a:extLst>
          </p:cNvPr>
          <p:cNvSpPr txBox="1">
            <a:spLocks/>
          </p:cNvSpPr>
          <p:nvPr/>
        </p:nvSpPr>
        <p:spPr>
          <a:xfrm>
            <a:off x="646800" y="1418080"/>
            <a:ext cx="6871600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b="1" dirty="0"/>
              <a:t>Opgave 4: Gennemgang af karriereprofilen med nye indsigter</a:t>
            </a:r>
          </a:p>
          <a:p>
            <a:pPr marL="0" indent="0">
              <a:buNone/>
            </a:pPr>
            <a:endParaRPr lang="da-DK" b="1" dirty="0"/>
          </a:p>
          <a:p>
            <a:r>
              <a:rPr lang="da-DK" dirty="0"/>
              <a:t>Har dine faglige interesser ændret sig eller, er de blevet styrket? </a:t>
            </a:r>
          </a:p>
          <a:p>
            <a:r>
              <a:rPr lang="da-DK" dirty="0"/>
              <a:t>Er der nye fagområder, du har fået interesse for?</a:t>
            </a:r>
          </a:p>
          <a:p>
            <a:r>
              <a:rPr lang="da-DK" dirty="0"/>
              <a:t>Hvilke brancher virker interessante baseret på de oplysninger fra virksomhederne, du har modtaget? 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Planlægning af næste skridt</a:t>
            </a:r>
          </a:p>
          <a:p>
            <a:pPr marL="0" indent="0">
              <a:buNone/>
            </a:pPr>
            <a:endParaRPr lang="da-DK" b="1" dirty="0"/>
          </a:p>
          <a:p>
            <a:r>
              <a:rPr lang="da-DK" dirty="0"/>
              <a:t>Hvordan kan du benytte den viden, du har fået fra virksomhederne til at tage beslutninger om sabbatår, videre uddannelse og jobmuligheder?</a:t>
            </a:r>
          </a:p>
          <a:p>
            <a:pPr marL="0" indent="0">
              <a:buNone/>
            </a:pPr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77658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67F8F8-D1F4-378C-63AA-E8C4EDB78E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aggrund og formål med Dansk Industri (DI) karrieredag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832A09-CA02-23FA-205A-960679CCCCB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514" y="1944000"/>
            <a:ext cx="10897200" cy="4006800"/>
          </a:xfrm>
        </p:spPr>
        <p:txBody>
          <a:bodyPr/>
          <a:lstStyle/>
          <a:p>
            <a:pPr marL="571500" indent="-571500">
              <a:buFont typeface="Arial" panose="020B0604020202020204" pitchFamily="34" charset="0"/>
              <a:buChar char="•"/>
            </a:pPr>
            <a:r>
              <a:rPr lang="da-DK" sz="2000" dirty="0"/>
              <a:t>DI Karrieredag er en unik mulighed for at møde DI’s virksomheder og blive inspireret og få videre til jeres videre karriereliv. 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da-DK" sz="2000" dirty="0"/>
              <a:t>I vil møde medarbejdere fra virksomheder og få indblik i jobmuligheder, brancher, hverdagen i det private erhvervsliv og hvilke kompetencer, der efterspørges på fremtidens arbejdsmarked.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da-DK" sz="2000" dirty="0"/>
              <a:t>Det giver også mulighed for at opdage flere forskellige uddannelsesveje efter gymnasiet. </a:t>
            </a:r>
          </a:p>
        </p:txBody>
      </p:sp>
    </p:spTree>
    <p:extLst>
      <p:ext uri="{BB962C8B-B14F-4D97-AF65-F5344CB8AC3E}">
        <p14:creationId xmlns:p14="http://schemas.microsoft.com/office/powerpoint/2010/main" val="34542082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A59794-5A25-2E0D-57E9-B865969270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 b="1" dirty="0"/>
              <a:t>1. Hvad er DI Karrieredag – og hvorfor er det vigtigt?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A23337-2117-206D-0A88-9BDEFF29DB3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6800" y="1453704"/>
            <a:ext cx="9967612" cy="4172320"/>
          </a:xfrm>
        </p:spPr>
        <p:txBody>
          <a:bodyPr/>
          <a:lstStyle/>
          <a:p>
            <a:pPr>
              <a:lnSpc>
                <a:spcPct val="150000"/>
              </a:lnSpc>
              <a:buNone/>
            </a:pPr>
            <a:r>
              <a:rPr lang="da-DK" sz="2000" b="1" dirty="0">
                <a:latin typeface="+mj-lt"/>
              </a:rPr>
              <a:t>Hvad? </a:t>
            </a:r>
          </a:p>
          <a:p>
            <a:pPr>
              <a:lnSpc>
                <a:spcPct val="150000"/>
              </a:lnSpc>
              <a:buNone/>
            </a:pPr>
            <a:r>
              <a:rPr lang="da-DK" sz="2000" dirty="0">
                <a:latin typeface="+mj-lt"/>
              </a:rPr>
              <a:t>Du møder 3-5 virksomheder, der er medlem af Dansk Industri (DI)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De fortæller om job, hverdag og muligheder hos dem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Du kan stille spørgsmål og tale med dem</a:t>
            </a:r>
          </a:p>
          <a:p>
            <a:pPr>
              <a:lnSpc>
                <a:spcPct val="150000"/>
              </a:lnSpc>
            </a:pPr>
            <a:endParaRPr lang="da-DK" sz="2000" b="1" dirty="0">
              <a:latin typeface="+mj-lt"/>
            </a:endParaRPr>
          </a:p>
          <a:p>
            <a:pPr>
              <a:lnSpc>
                <a:spcPct val="150000"/>
              </a:lnSpc>
            </a:pPr>
            <a:r>
              <a:rPr lang="da-DK" sz="2000" b="1" dirty="0">
                <a:latin typeface="+mj-lt"/>
              </a:rPr>
              <a:t>Hvorfor?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Mange studenter er stadig uafklarede efter 3 år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Virksomhederne mangler arbejdskraft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Du får viden om job, sabbatår, og uddannelse</a:t>
            </a:r>
          </a:p>
          <a:p>
            <a:pPr>
              <a:lnSpc>
                <a:spcPct val="150000"/>
              </a:lnSpc>
            </a:pPr>
            <a:r>
              <a:rPr lang="da-DK" sz="2000" dirty="0">
                <a:latin typeface="+mj-lt"/>
              </a:rPr>
              <a:t>Du bliver bedre rustet til at træffe dine valg</a:t>
            </a:r>
          </a:p>
          <a:p>
            <a:endParaRPr lang="da-DK" sz="2000" b="1" dirty="0">
              <a:latin typeface="+mj-lt"/>
            </a:endParaRPr>
          </a:p>
        </p:txBody>
      </p:sp>
      <p:pic>
        <p:nvPicPr>
          <p:cNvPr id="3" name="Picture 6" descr="No alt text provided for this image">
            <a:extLst>
              <a:ext uri="{FF2B5EF4-FFF2-40B4-BE49-F238E27FC236}">
                <a16:creationId xmlns:a16="http://schemas.microsoft.com/office/drawing/2014/main" id="{E7F297F4-19D2-14B3-CE25-9E6D03AF38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64"/>
          <a:stretch/>
        </p:blipFill>
        <p:spPr bwMode="auto">
          <a:xfrm>
            <a:off x="8086713" y="1434582"/>
            <a:ext cx="3456000" cy="25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34" descr="No alt text provided for this image">
            <a:extLst>
              <a:ext uri="{FF2B5EF4-FFF2-40B4-BE49-F238E27FC236}">
                <a16:creationId xmlns:a16="http://schemas.microsoft.com/office/drawing/2014/main" id="{23B43408-1016-547F-B4E8-AA2360DC44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0726" y="4357933"/>
            <a:ext cx="3710307" cy="19203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209678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2039DE-8B72-03A0-EE0B-2A3BD56828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em kommer?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58B46C3-17E2-5728-0F40-729BFAC5B00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514" y="1944000"/>
            <a:ext cx="10897200" cy="4006800"/>
          </a:xfrm>
        </p:spPr>
        <p:txBody>
          <a:bodyPr/>
          <a:lstStyle/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2000" b="1" dirty="0"/>
              <a:t>Power </a:t>
            </a:r>
            <a:r>
              <a:rPr lang="da-DK" sz="2000" b="1" dirty="0" err="1"/>
              <a:t>Stow</a:t>
            </a:r>
            <a:r>
              <a:rPr lang="da-DK" sz="2000" b="1" dirty="0"/>
              <a:t> A/S </a:t>
            </a:r>
            <a:r>
              <a:rPr lang="da-DK" sz="2000" dirty="0"/>
              <a:t>- Udvikler og designer innovative og ergonomiske løsninger til flytning af gods, fx bagagehåndtering i lufthavne.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2000" b="1" dirty="0"/>
              <a:t>Gorm Hansen A/S </a:t>
            </a:r>
            <a:r>
              <a:rPr lang="da-DK" sz="2000" dirty="0"/>
              <a:t>- Arbejder med innovativ infrastruktur og bæredygtig udvikling.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2000" b="1" dirty="0"/>
              <a:t>Tate &amp; </a:t>
            </a:r>
            <a:r>
              <a:rPr lang="da-DK" sz="2000" b="1" dirty="0" err="1"/>
              <a:t>Lyle</a:t>
            </a:r>
            <a:r>
              <a:rPr lang="da-DK" sz="2000" b="1" dirty="0"/>
              <a:t> </a:t>
            </a:r>
            <a:r>
              <a:rPr lang="da-DK" sz="2000" dirty="0"/>
              <a:t>- Førende inden for ingredienser og løsninger til fødevare- og drikkevareindustrie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2000" dirty="0"/>
          </a:p>
        </p:txBody>
      </p:sp>
    </p:spTree>
    <p:extLst>
      <p:ext uri="{BB962C8B-B14F-4D97-AF65-F5344CB8AC3E}">
        <p14:creationId xmlns:p14="http://schemas.microsoft.com/office/powerpoint/2010/main" val="17274287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699D0219-777F-A4EF-C8EF-3B6E8683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6214915" cy="1296000"/>
          </a:xfrm>
        </p:spPr>
        <p:txBody>
          <a:bodyPr/>
          <a:lstStyle/>
          <a:p>
            <a:r>
              <a:rPr lang="da-DK" sz="2400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2. </a:t>
            </a:r>
            <a:r>
              <a:rPr lang="da-DK" sz="2400" b="1" kern="100" dirty="0">
                <a:effectLst/>
                <a:ea typeface="Aptos" panose="020B0004020202020204" pitchFamily="34" charset="0"/>
                <a:cs typeface="Times New Roman" panose="02020603050405020304" pitchFamily="18" charset="0"/>
              </a:rPr>
              <a:t>Fremtiden i erhvervslivet </a:t>
            </a:r>
            <a:br>
              <a:rPr lang="da-DK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4" name="Undertitel 3">
            <a:extLst>
              <a:ext uri="{FF2B5EF4-FFF2-40B4-BE49-F238E27FC236}">
                <a16:creationId xmlns:a16="http://schemas.microsoft.com/office/drawing/2014/main" id="{38A7206A-6C5A-F2D4-D86C-2EDB568CF0BC}"/>
              </a:ext>
            </a:extLst>
          </p:cNvPr>
          <p:cNvSpPr txBox="1">
            <a:spLocks/>
          </p:cNvSpPr>
          <p:nvPr/>
        </p:nvSpPr>
        <p:spPr>
          <a:xfrm>
            <a:off x="734977" y="1184400"/>
            <a:ext cx="6312368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dirty="0"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Teknologi og digitalisering ændrer alle brancher.</a:t>
            </a: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dirty="0">
              <a:effectLst/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dirty="0"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Grøn omstilling skaber nye job og nye kompetencekrav.</a:t>
            </a: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dirty="0">
              <a:latin typeface="+mj-lt"/>
            </a:endParaRP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dirty="0">
                <a:latin typeface="+mj-lt"/>
              </a:rPr>
              <a:t>Virksomheder i mange brancher oplever udfordringer med at finde nok kvalificerede medarbejdere – både faglærte og akademisk uddannede.</a:t>
            </a: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sz="2400" dirty="0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3D282F6C-23EC-3328-D9FE-1E5FAAF0D701}"/>
              </a:ext>
            </a:extLst>
          </p:cNvPr>
          <p:cNvSpPr/>
          <p:nvPr/>
        </p:nvSpPr>
        <p:spPr>
          <a:xfrm>
            <a:off x="6949892" y="284480"/>
            <a:ext cx="4821561" cy="3144520"/>
          </a:xfrm>
          <a:custGeom>
            <a:avLst/>
            <a:gdLst>
              <a:gd name="connsiteX0" fmla="*/ 0 w 2497065"/>
              <a:gd name="connsiteY0" fmla="*/ 0 h 2439477"/>
              <a:gd name="connsiteX1" fmla="*/ 190499 w 2497065"/>
              <a:gd name="connsiteY1" fmla="*/ 0 h 2439477"/>
              <a:gd name="connsiteX2" fmla="*/ 1248533 w 2497065"/>
              <a:gd name="connsiteY2" fmla="*/ 0 h 2439477"/>
              <a:gd name="connsiteX3" fmla="*/ 2306566 w 2497065"/>
              <a:gd name="connsiteY3" fmla="*/ 0 h 2439477"/>
              <a:gd name="connsiteX4" fmla="*/ 2497065 w 2497065"/>
              <a:gd name="connsiteY4" fmla="*/ 190499 h 2439477"/>
              <a:gd name="connsiteX5" fmla="*/ 2497065 w 2497065"/>
              <a:gd name="connsiteY5" fmla="*/ 2248978 h 2439477"/>
              <a:gd name="connsiteX6" fmla="*/ 2306566 w 2497065"/>
              <a:gd name="connsiteY6" fmla="*/ 2439477 h 2439477"/>
              <a:gd name="connsiteX7" fmla="*/ 190499 w 2497065"/>
              <a:gd name="connsiteY7" fmla="*/ 2439477 h 2439477"/>
              <a:gd name="connsiteX8" fmla="*/ 0 w 2497065"/>
              <a:gd name="connsiteY8" fmla="*/ 2248978 h 2439477"/>
              <a:gd name="connsiteX9" fmla="*/ 0 w 2497065"/>
              <a:gd name="connsiteY9" fmla="*/ 1219738 h 2439477"/>
              <a:gd name="connsiteX10" fmla="*/ 0 w 2497065"/>
              <a:gd name="connsiteY10" fmla="*/ 190499 h 24394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497065" h="2439477">
                <a:moveTo>
                  <a:pt x="0" y="0"/>
                </a:moveTo>
                <a:lnTo>
                  <a:pt x="190499" y="0"/>
                </a:lnTo>
                <a:lnTo>
                  <a:pt x="1248533" y="0"/>
                </a:lnTo>
                <a:lnTo>
                  <a:pt x="2306566" y="0"/>
                </a:lnTo>
                <a:cubicBezTo>
                  <a:pt x="2411776" y="0"/>
                  <a:pt x="2497065" y="85289"/>
                  <a:pt x="2497065" y="190499"/>
                </a:cubicBezTo>
                <a:lnTo>
                  <a:pt x="2497065" y="2248978"/>
                </a:lnTo>
                <a:cubicBezTo>
                  <a:pt x="2497065" y="2354188"/>
                  <a:pt x="2411776" y="2439477"/>
                  <a:pt x="2306566" y="2439477"/>
                </a:cubicBezTo>
                <a:lnTo>
                  <a:pt x="190499" y="2439477"/>
                </a:lnTo>
                <a:cubicBezTo>
                  <a:pt x="85289" y="2439477"/>
                  <a:pt x="0" y="2354188"/>
                  <a:pt x="0" y="2248978"/>
                </a:cubicBezTo>
                <a:lnTo>
                  <a:pt x="0" y="1219738"/>
                </a:lnTo>
                <a:lnTo>
                  <a:pt x="0" y="190499"/>
                </a:lnTo>
                <a:close/>
              </a:path>
            </a:pathLst>
          </a:custGeom>
          <a:solidFill>
            <a:srgbClr val="A7A4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251996" tIns="251996" rIns="251996" bIns="251996" rtlCol="0" anchor="t">
            <a:noAutofit/>
          </a:bodyPr>
          <a:lstStyle/>
          <a:p>
            <a:r>
              <a:rPr lang="da-DK" sz="2000" b="1" dirty="0"/>
              <a:t>Refleksion</a:t>
            </a:r>
          </a:p>
          <a:p>
            <a:endParaRPr lang="da-DK" sz="2000" i="1" dirty="0"/>
          </a:p>
          <a:p>
            <a:r>
              <a:rPr lang="da-DK" sz="2000" i="1" dirty="0"/>
              <a:t>Hvilke job tror I ikke findes endnu?</a:t>
            </a:r>
            <a:endParaRPr lang="da-DK" sz="2000" dirty="0"/>
          </a:p>
          <a:p>
            <a:endParaRPr lang="da-DK" sz="2000" i="1" dirty="0"/>
          </a:p>
          <a:p>
            <a:r>
              <a:rPr lang="da-DK" sz="2000" i="1" dirty="0"/>
              <a:t>Hvordan tror I jeres arbejdsliv ser ud om 10 år?</a:t>
            </a:r>
            <a:endParaRPr lang="da-DK" sz="2000" noProof="0" dirty="0"/>
          </a:p>
        </p:txBody>
      </p:sp>
      <p:pic>
        <p:nvPicPr>
          <p:cNvPr id="2" name="Picture 3">
            <a:extLst>
              <a:ext uri="{FF2B5EF4-FFF2-40B4-BE49-F238E27FC236}">
                <a16:creationId xmlns:a16="http://schemas.microsoft.com/office/drawing/2014/main" id="{ACADDF12-C5C4-2C92-BA1A-32195E15ADF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778"/>
          <a:stretch/>
        </p:blipFill>
        <p:spPr bwMode="auto">
          <a:xfrm>
            <a:off x="7914641" y="3855236"/>
            <a:ext cx="3362960" cy="245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593757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A06262-D5E0-9313-55FD-40A8BCBDB4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Opgave 1</a:t>
            </a:r>
            <a:r>
              <a:rPr lang="da-DK" b="1" i="1" kern="100" dirty="0">
                <a:ea typeface="Aptos" panose="020B0004020202020204" pitchFamily="34" charset="0"/>
                <a:cs typeface="Times New Roman" panose="02020603050405020304" pitchFamily="18" charset="0"/>
              </a:rPr>
              <a:t>: Lav en karriereprofil</a:t>
            </a:r>
            <a:br>
              <a:rPr lang="da-DK" b="1" i="1" kern="100" dirty="0">
                <a:ea typeface="Aptos" panose="020B000402020202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F56BB7D-66EB-73E6-DAF9-54F4DEAA63F9}"/>
              </a:ext>
            </a:extLst>
          </p:cNvPr>
          <p:cNvSpPr txBox="1"/>
          <p:nvPr/>
        </p:nvSpPr>
        <p:spPr>
          <a:xfrm>
            <a:off x="647999" y="2534856"/>
            <a:ext cx="4792101" cy="28418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lvl="0" indent="-342900">
              <a:lnSpc>
                <a:spcPct val="115000"/>
              </a:lnSpc>
              <a:spcAft>
                <a:spcPts val="800"/>
              </a:spcAft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da-DK" sz="2000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Hvad interesserer mig fagligt? </a:t>
            </a: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da-DK" sz="2000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Hvilke brancher tiltaler mig?</a:t>
            </a: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da-DK" sz="2000" b="1" dirty="0">
                <a:ea typeface="Aptos" panose="020B0004020202020204" pitchFamily="34" charset="0"/>
                <a:cs typeface="Times New Roman" panose="02020603050405020304" pitchFamily="18" charset="0"/>
              </a:rPr>
              <a:t>Hvilke værdier vil jeg gerne møde i et job?</a:t>
            </a: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da-DK" sz="2000" b="1" dirty="0">
                <a:ea typeface="Aptos" panose="020B0004020202020204" pitchFamily="34" charset="0"/>
                <a:cs typeface="Times New Roman" panose="02020603050405020304" pitchFamily="18" charset="0"/>
              </a:rPr>
              <a:t>Har jeg nogle særlige mål for fremtiden? </a:t>
            </a:r>
          </a:p>
          <a:p>
            <a:pPr algn="l"/>
            <a:endParaRPr lang="da-DK" sz="2000" b="1" dirty="0" err="1">
              <a:solidFill>
                <a:schemeClr val="accent1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AD79DE1-F5EF-C645-C8A6-E646EF32E556}"/>
              </a:ext>
            </a:extLst>
          </p:cNvPr>
          <p:cNvSpPr txBox="1"/>
          <p:nvPr/>
        </p:nvSpPr>
        <p:spPr>
          <a:xfrm>
            <a:off x="6516547" y="2534856"/>
            <a:ext cx="4874689" cy="338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b="1" dirty="0"/>
              <a:t>Hvordan vil I gerne arbejde: med hænderne, hovedet, mennesker, teknik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b="1" dirty="0"/>
              <a:t>Sabbatår vs. uddannelse direkte efter gymnasi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b="1" dirty="0"/>
              <a:t>Erhvervsuddannelser, praktikpladser og videregående uddannelser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b="1" dirty="0"/>
              <a:t>Forskellen på den private og den offentlige sektor </a:t>
            </a:r>
          </a:p>
        </p:txBody>
      </p:sp>
    </p:spTree>
    <p:extLst>
      <p:ext uri="{BB962C8B-B14F-4D97-AF65-F5344CB8AC3E}">
        <p14:creationId xmlns:p14="http://schemas.microsoft.com/office/powerpoint/2010/main" val="2446235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5A0E5F-0047-4D55-BA5F-19ADCBD20C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 b="1" dirty="0"/>
              <a:t>3. Kobling mellem uddannelse og job </a:t>
            </a:r>
          </a:p>
        </p:txBody>
      </p:sp>
      <p:sp>
        <p:nvSpPr>
          <p:cNvPr id="3" name="Undertitel 3">
            <a:extLst>
              <a:ext uri="{FF2B5EF4-FFF2-40B4-BE49-F238E27FC236}">
                <a16:creationId xmlns:a16="http://schemas.microsoft.com/office/drawing/2014/main" id="{58C15DDA-80A7-C428-11C4-97E3540A3392}"/>
              </a:ext>
            </a:extLst>
          </p:cNvPr>
          <p:cNvSpPr txBox="1">
            <a:spLocks/>
          </p:cNvSpPr>
          <p:nvPr/>
        </p:nvSpPr>
        <p:spPr>
          <a:xfrm>
            <a:off x="1066800" y="1564640"/>
            <a:ext cx="7711440" cy="500888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sz="240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BB109B5-39D8-6250-6172-F85B07F663D5}"/>
              </a:ext>
            </a:extLst>
          </p:cNvPr>
          <p:cNvSpPr txBox="1">
            <a:spLocks/>
          </p:cNvSpPr>
          <p:nvPr/>
        </p:nvSpPr>
        <p:spPr>
          <a:xfrm>
            <a:off x="956628" y="1564640"/>
            <a:ext cx="9967612" cy="4172320"/>
          </a:xfrm>
          <a:prstGeom prst="rect">
            <a:avLst/>
          </a:prstGeom>
        </p:spPr>
        <p:txBody>
          <a:bodyPr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  <a:buFont typeface="Arial" panose="020B0604020202020204" pitchFamily="34" charset="0"/>
              <a:buNone/>
            </a:pPr>
            <a:endParaRPr lang="da-DK" b="1" dirty="0">
              <a:latin typeface="+mj-lt"/>
            </a:endParaRPr>
          </a:p>
        </p:txBody>
      </p:sp>
      <p:sp>
        <p:nvSpPr>
          <p:cNvPr id="5" name="Undertitel 3">
            <a:extLst>
              <a:ext uri="{FF2B5EF4-FFF2-40B4-BE49-F238E27FC236}">
                <a16:creationId xmlns:a16="http://schemas.microsoft.com/office/drawing/2014/main" id="{3B398171-E89C-EDF0-C3EF-20C4112D8977}"/>
              </a:ext>
            </a:extLst>
          </p:cNvPr>
          <p:cNvSpPr txBox="1">
            <a:spLocks/>
          </p:cNvSpPr>
          <p:nvPr/>
        </p:nvSpPr>
        <p:spPr>
          <a:xfrm>
            <a:off x="734977" y="1184400"/>
            <a:ext cx="6312368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sz="2400" dirty="0"/>
          </a:p>
        </p:txBody>
      </p:sp>
      <p:sp>
        <p:nvSpPr>
          <p:cNvPr id="6" name="Undertitel 3">
            <a:extLst>
              <a:ext uri="{FF2B5EF4-FFF2-40B4-BE49-F238E27FC236}">
                <a16:creationId xmlns:a16="http://schemas.microsoft.com/office/drawing/2014/main" id="{2165A3F9-37C3-1A5D-1C8F-46BAD335781C}"/>
              </a:ext>
            </a:extLst>
          </p:cNvPr>
          <p:cNvSpPr txBox="1">
            <a:spLocks/>
          </p:cNvSpPr>
          <p:nvPr/>
        </p:nvSpPr>
        <p:spPr>
          <a:xfrm>
            <a:off x="646800" y="1310640"/>
            <a:ext cx="7081208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dirty="0"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Der er mange veje til et job: </a:t>
            </a: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b="1" dirty="0"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Uddannelse</a:t>
            </a:r>
            <a:r>
              <a:rPr lang="da-DK" dirty="0"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, der giver særlige kompetencer </a:t>
            </a:r>
          </a:p>
          <a:p>
            <a:pPr lvl="0">
              <a:lnSpc>
                <a:spcPct val="115000"/>
              </a:lnSpc>
              <a:spcAft>
                <a:spcPts val="800"/>
              </a:spcAft>
              <a:buSzPts val="1000"/>
              <a:buFontTx/>
              <a:buChar char="-"/>
              <a:tabLst>
                <a:tab pos="457200" algn="l"/>
              </a:tabLst>
            </a:pPr>
            <a:r>
              <a:rPr lang="da-DK" dirty="0"/>
              <a:t>Hvordan kan man f.eks. kombinere interesseområder fra STX/HF med en erhvervsuddannelse, erhvervsakademiuddannelser eller universitetsuddannelse?</a:t>
            </a:r>
            <a:endParaRPr lang="da-DK" dirty="0"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b="1" dirty="0"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Sabbatårsjob</a:t>
            </a:r>
            <a:r>
              <a:rPr lang="da-DK" dirty="0"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, der giver erhvervserfaring</a:t>
            </a:r>
          </a:p>
          <a:p>
            <a:pPr lvl="0">
              <a:lnSpc>
                <a:spcPct val="115000"/>
              </a:lnSpc>
              <a:spcAft>
                <a:spcPts val="800"/>
              </a:spcAft>
              <a:buSzPts val="1000"/>
              <a:buFontTx/>
              <a:buChar char="-"/>
              <a:tabLst>
                <a:tab pos="457200" algn="l"/>
              </a:tabLst>
            </a:pPr>
            <a:r>
              <a:rPr lang="da-DK" dirty="0"/>
              <a:t>Joberfaring kan styrke CV'et og give indsigt i arbejdsmarkedet.</a:t>
            </a:r>
            <a:endParaRPr lang="da-DK" dirty="0">
              <a:effectLst/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b="1" dirty="0"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Netværk</a:t>
            </a:r>
            <a:r>
              <a:rPr lang="da-DK" dirty="0"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, d</a:t>
            </a:r>
            <a:r>
              <a:rPr lang="da-DK" dirty="0"/>
              <a:t>eltagelse i faglige netværk og karrieredage som denne.</a:t>
            </a: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r>
              <a:rPr lang="da-DK" b="1" dirty="0"/>
              <a:t>Fra praktik til erhvervskarriere</a:t>
            </a:r>
          </a:p>
          <a:p>
            <a:pPr lvl="0">
              <a:lnSpc>
                <a:spcPct val="115000"/>
              </a:lnSpc>
              <a:spcAft>
                <a:spcPts val="800"/>
              </a:spcAft>
              <a:buSzPts val="1000"/>
              <a:buFontTx/>
              <a:buChar char="-"/>
              <a:tabLst>
                <a:tab pos="457200" algn="l"/>
              </a:tabLst>
            </a:pPr>
            <a:r>
              <a:rPr lang="da-DK" dirty="0"/>
              <a:t>Gennem praktikophold er det muligt at få erfaring, der leder til ansættelse hos en virksomhed. </a:t>
            </a:r>
            <a:endParaRPr lang="da-DK" b="1" dirty="0">
              <a:effectLst/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800"/>
              </a:spcAft>
              <a:buSzPts val="1000"/>
              <a:buFontTx/>
              <a:buChar char="-"/>
              <a:tabLst>
                <a:tab pos="457200" algn="l"/>
              </a:tabLst>
            </a:pPr>
            <a:endParaRPr lang="da-DK" dirty="0"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800"/>
              </a:spcAft>
              <a:buSzPts val="1000"/>
              <a:buFontTx/>
              <a:buChar char="-"/>
              <a:tabLst>
                <a:tab pos="457200" algn="l"/>
              </a:tabLst>
            </a:pPr>
            <a:endParaRPr lang="da-DK" dirty="0">
              <a:effectLst/>
              <a:latin typeface="+mj-lt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sz="2400" dirty="0"/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F578D00F-C21A-251E-5B01-64946E9CF95E}"/>
              </a:ext>
            </a:extLst>
          </p:cNvPr>
          <p:cNvSpPr/>
          <p:nvPr/>
        </p:nvSpPr>
        <p:spPr>
          <a:xfrm>
            <a:off x="7914640" y="1100185"/>
            <a:ext cx="3717537" cy="2526400"/>
          </a:xfrm>
          <a:custGeom>
            <a:avLst/>
            <a:gdLst>
              <a:gd name="connsiteX0" fmla="*/ 0 w 2497065"/>
              <a:gd name="connsiteY0" fmla="*/ 0 h 2439477"/>
              <a:gd name="connsiteX1" fmla="*/ 190499 w 2497065"/>
              <a:gd name="connsiteY1" fmla="*/ 0 h 2439477"/>
              <a:gd name="connsiteX2" fmla="*/ 1248533 w 2497065"/>
              <a:gd name="connsiteY2" fmla="*/ 0 h 2439477"/>
              <a:gd name="connsiteX3" fmla="*/ 2306566 w 2497065"/>
              <a:gd name="connsiteY3" fmla="*/ 0 h 2439477"/>
              <a:gd name="connsiteX4" fmla="*/ 2497065 w 2497065"/>
              <a:gd name="connsiteY4" fmla="*/ 190499 h 2439477"/>
              <a:gd name="connsiteX5" fmla="*/ 2497065 w 2497065"/>
              <a:gd name="connsiteY5" fmla="*/ 2248978 h 2439477"/>
              <a:gd name="connsiteX6" fmla="*/ 2306566 w 2497065"/>
              <a:gd name="connsiteY6" fmla="*/ 2439477 h 2439477"/>
              <a:gd name="connsiteX7" fmla="*/ 190499 w 2497065"/>
              <a:gd name="connsiteY7" fmla="*/ 2439477 h 2439477"/>
              <a:gd name="connsiteX8" fmla="*/ 0 w 2497065"/>
              <a:gd name="connsiteY8" fmla="*/ 2248978 h 2439477"/>
              <a:gd name="connsiteX9" fmla="*/ 0 w 2497065"/>
              <a:gd name="connsiteY9" fmla="*/ 1219738 h 2439477"/>
              <a:gd name="connsiteX10" fmla="*/ 0 w 2497065"/>
              <a:gd name="connsiteY10" fmla="*/ 190499 h 24394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497065" h="2439477">
                <a:moveTo>
                  <a:pt x="0" y="0"/>
                </a:moveTo>
                <a:lnTo>
                  <a:pt x="190499" y="0"/>
                </a:lnTo>
                <a:lnTo>
                  <a:pt x="1248533" y="0"/>
                </a:lnTo>
                <a:lnTo>
                  <a:pt x="2306566" y="0"/>
                </a:lnTo>
                <a:cubicBezTo>
                  <a:pt x="2411776" y="0"/>
                  <a:pt x="2497065" y="85289"/>
                  <a:pt x="2497065" y="190499"/>
                </a:cubicBezTo>
                <a:lnTo>
                  <a:pt x="2497065" y="2248978"/>
                </a:lnTo>
                <a:cubicBezTo>
                  <a:pt x="2497065" y="2354188"/>
                  <a:pt x="2411776" y="2439477"/>
                  <a:pt x="2306566" y="2439477"/>
                </a:cubicBezTo>
                <a:lnTo>
                  <a:pt x="190499" y="2439477"/>
                </a:lnTo>
                <a:cubicBezTo>
                  <a:pt x="85289" y="2439477"/>
                  <a:pt x="0" y="2354188"/>
                  <a:pt x="0" y="2248978"/>
                </a:cubicBezTo>
                <a:lnTo>
                  <a:pt x="0" y="1219738"/>
                </a:lnTo>
                <a:lnTo>
                  <a:pt x="0" y="190499"/>
                </a:lnTo>
                <a:close/>
              </a:path>
            </a:pathLst>
          </a:custGeom>
          <a:solidFill>
            <a:srgbClr val="A7A4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251996" tIns="251996" rIns="251996" bIns="251996" rtlCol="0" anchor="t">
            <a:noAutofit/>
          </a:bodyPr>
          <a:lstStyle/>
          <a:p>
            <a:r>
              <a:rPr lang="da-DK" sz="1600" b="1" noProof="0" dirty="0"/>
              <a:t>Refleksion</a:t>
            </a:r>
            <a:endParaRPr lang="da-DK" sz="1600" i="1" dirty="0"/>
          </a:p>
          <a:p>
            <a:endParaRPr lang="da-DK" sz="1600" i="1" dirty="0"/>
          </a:p>
          <a:p>
            <a:r>
              <a:rPr lang="da-DK" sz="1600" i="1" noProof="0" dirty="0"/>
              <a:t>Hvilke jobmuligheder vil jeg gerne undersøge nærmere?</a:t>
            </a:r>
          </a:p>
          <a:p>
            <a:endParaRPr lang="da-DK" sz="1600" i="1" dirty="0"/>
          </a:p>
          <a:p>
            <a:r>
              <a:rPr lang="da-DK" sz="1600" i="1" dirty="0"/>
              <a:t>Hvilke videre uddannelser kan bygge på mine interesser og kvalifikationer fra gymnasiet og sabbatår?</a:t>
            </a:r>
            <a:endParaRPr lang="da-DK" sz="1400" i="1" noProof="0" dirty="0"/>
          </a:p>
        </p:txBody>
      </p:sp>
      <p:pic>
        <p:nvPicPr>
          <p:cNvPr id="8" name="Picture 4" descr="No alt text provided for this image">
            <a:extLst>
              <a:ext uri="{FF2B5EF4-FFF2-40B4-BE49-F238E27FC236}">
                <a16:creationId xmlns:a16="http://schemas.microsoft.com/office/drawing/2014/main" id="{C0112F77-EEB6-2D24-FF4B-F0B0694B7FC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976" b="5"/>
          <a:stretch/>
        </p:blipFill>
        <p:spPr bwMode="auto">
          <a:xfrm>
            <a:off x="8435945" y="3911171"/>
            <a:ext cx="3140906" cy="22902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322510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6BBD46-D108-AE72-1313-D57B22674C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4</a:t>
            </a:r>
            <a:r>
              <a:rPr lang="da-DK" sz="2400" b="1" kern="100" dirty="0">
                <a:effectLst/>
                <a:ea typeface="Aptos" panose="020B0004020202020204" pitchFamily="34" charset="0"/>
                <a:cs typeface="Times New Roman" panose="02020603050405020304" pitchFamily="18" charset="0"/>
              </a:rPr>
              <a:t>. Forberedelse til DI Karrieredag</a:t>
            </a:r>
            <a:endParaRPr lang="da-DK" sz="2400" dirty="0"/>
          </a:p>
        </p:txBody>
      </p:sp>
      <p:sp>
        <p:nvSpPr>
          <p:cNvPr id="3" name="Kombinationstegning: figur 8">
            <a:extLst>
              <a:ext uri="{FF2B5EF4-FFF2-40B4-BE49-F238E27FC236}">
                <a16:creationId xmlns:a16="http://schemas.microsoft.com/office/drawing/2014/main" id="{CA0D8997-80EF-6D2F-C4E1-461EF4A3FE37}"/>
              </a:ext>
            </a:extLst>
          </p:cNvPr>
          <p:cNvSpPr/>
          <p:nvPr/>
        </p:nvSpPr>
        <p:spPr>
          <a:xfrm>
            <a:off x="7993326" y="956123"/>
            <a:ext cx="3675297" cy="3320909"/>
          </a:xfrm>
          <a:custGeom>
            <a:avLst/>
            <a:gdLst>
              <a:gd name="connsiteX0" fmla="*/ 560268 w 5705819"/>
              <a:gd name="connsiteY0" fmla="*/ 0 h 4682168"/>
              <a:gd name="connsiteX1" fmla="*/ 3569521 w 5705819"/>
              <a:gd name="connsiteY1" fmla="*/ 0 h 4682168"/>
              <a:gd name="connsiteX2" fmla="*/ 5145551 w 5705819"/>
              <a:gd name="connsiteY2" fmla="*/ 0 h 4682168"/>
              <a:gd name="connsiteX3" fmla="*/ 5705819 w 5705819"/>
              <a:gd name="connsiteY3" fmla="*/ 0 h 4682168"/>
              <a:gd name="connsiteX4" fmla="*/ 5705819 w 5705819"/>
              <a:gd name="connsiteY4" fmla="*/ 560268 h 4682168"/>
              <a:gd name="connsiteX5" fmla="*/ 5705819 w 5705819"/>
              <a:gd name="connsiteY5" fmla="*/ 1853076 h 4682168"/>
              <a:gd name="connsiteX6" fmla="*/ 5705819 w 5705819"/>
              <a:gd name="connsiteY6" fmla="*/ 2829092 h 4682168"/>
              <a:gd name="connsiteX7" fmla="*/ 5705819 w 5705819"/>
              <a:gd name="connsiteY7" fmla="*/ 4121900 h 4682168"/>
              <a:gd name="connsiteX8" fmla="*/ 5705819 w 5705819"/>
              <a:gd name="connsiteY8" fmla="*/ 4682168 h 4682168"/>
              <a:gd name="connsiteX9" fmla="*/ 5145551 w 5705819"/>
              <a:gd name="connsiteY9" fmla="*/ 4682168 h 4682168"/>
              <a:gd name="connsiteX10" fmla="*/ 3569521 w 5705819"/>
              <a:gd name="connsiteY10" fmla="*/ 4682168 h 4682168"/>
              <a:gd name="connsiteX11" fmla="*/ 738648 w 5705819"/>
              <a:gd name="connsiteY11" fmla="*/ 4682168 h 4682168"/>
              <a:gd name="connsiteX12" fmla="*/ 560268 w 5705819"/>
              <a:gd name="connsiteY12" fmla="*/ 4682168 h 4682168"/>
              <a:gd name="connsiteX13" fmla="*/ 0 w 5705819"/>
              <a:gd name="connsiteY13" fmla="*/ 4682168 h 4682168"/>
              <a:gd name="connsiteX14" fmla="*/ 0 w 5705819"/>
              <a:gd name="connsiteY14" fmla="*/ 4121900 h 4682168"/>
              <a:gd name="connsiteX15" fmla="*/ 0 w 5705819"/>
              <a:gd name="connsiteY15" fmla="*/ 3943520 h 4682168"/>
              <a:gd name="connsiteX16" fmla="*/ 0 w 5705819"/>
              <a:gd name="connsiteY16" fmla="*/ 560268 h 4682168"/>
              <a:gd name="connsiteX17" fmla="*/ 560268 w 5705819"/>
              <a:gd name="connsiteY17" fmla="*/ 0 h 4682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5705819" h="4682168">
                <a:moveTo>
                  <a:pt x="560268" y="0"/>
                </a:moveTo>
                <a:lnTo>
                  <a:pt x="3569521" y="0"/>
                </a:lnTo>
                <a:lnTo>
                  <a:pt x="5145551" y="0"/>
                </a:lnTo>
                <a:lnTo>
                  <a:pt x="5705819" y="0"/>
                </a:lnTo>
                <a:lnTo>
                  <a:pt x="5705819" y="560268"/>
                </a:lnTo>
                <a:lnTo>
                  <a:pt x="5705819" y="1853076"/>
                </a:lnTo>
                <a:lnTo>
                  <a:pt x="5705819" y="2829092"/>
                </a:lnTo>
                <a:lnTo>
                  <a:pt x="5705819" y="4121900"/>
                </a:lnTo>
                <a:lnTo>
                  <a:pt x="5705819" y="4682168"/>
                </a:lnTo>
                <a:lnTo>
                  <a:pt x="5145551" y="4682168"/>
                </a:lnTo>
                <a:lnTo>
                  <a:pt x="3569521" y="4682168"/>
                </a:lnTo>
                <a:lnTo>
                  <a:pt x="738648" y="4682168"/>
                </a:lnTo>
                <a:lnTo>
                  <a:pt x="560268" y="4682168"/>
                </a:lnTo>
                <a:lnTo>
                  <a:pt x="0" y="4682168"/>
                </a:lnTo>
                <a:lnTo>
                  <a:pt x="0" y="4121900"/>
                </a:lnTo>
                <a:lnTo>
                  <a:pt x="0" y="3943520"/>
                </a:lnTo>
                <a:lnTo>
                  <a:pt x="0" y="560268"/>
                </a:lnTo>
                <a:cubicBezTo>
                  <a:pt x="0" y="250841"/>
                  <a:pt x="250841" y="0"/>
                  <a:pt x="560268" y="0"/>
                </a:cubicBezTo>
                <a:close/>
              </a:path>
            </a:pathLst>
          </a:custGeom>
          <a:solidFill>
            <a:srgbClr val="EAB8E4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>
              <a:buNone/>
            </a:pPr>
            <a:r>
              <a:rPr lang="da-DK" sz="1400" b="1" i="1" dirty="0">
                <a:solidFill>
                  <a:schemeClr val="bg1"/>
                </a:solidFill>
              </a:rPr>
              <a:t>Eksempler på hvad kan man spørge virksomhederne om?</a:t>
            </a:r>
          </a:p>
          <a:p>
            <a:pPr>
              <a:buNone/>
            </a:pPr>
            <a:endParaRPr lang="da-DK" sz="1400" b="1" i="1" dirty="0">
              <a:solidFill>
                <a:schemeClr val="bg1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chemeClr val="bg1"/>
                </a:solidFill>
              </a:rPr>
              <a:t>Hvilke job kan man få – og hvordan kommer man dertil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chemeClr val="bg1"/>
                </a:solidFill>
              </a:rPr>
              <a:t>Hvad leder I efter hos unge medarbejdere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chemeClr val="bg1"/>
                </a:solidFill>
              </a:rPr>
              <a:t>Har I sabbatårsjob eller praktikpladser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1400" b="0" i="1" dirty="0">
                <a:solidFill>
                  <a:schemeClr val="bg1"/>
                </a:solidFill>
                <a:effectLst/>
                <a:latin typeface="DI Sans Display"/>
              </a:rPr>
              <a:t>Hvordan ser en typisk arbejdsdag ud hos jer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1400" b="0" i="1" dirty="0">
                <a:solidFill>
                  <a:schemeClr val="bg1"/>
                </a:solidFill>
                <a:effectLst/>
                <a:latin typeface="DI Sans Display"/>
              </a:rPr>
              <a:t>Hvilke kvaliteter leder I efter i nye medarbejdere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1400" b="0" i="1" dirty="0">
                <a:solidFill>
                  <a:schemeClr val="bg1"/>
                </a:solidFill>
                <a:effectLst/>
                <a:latin typeface="DI Sans Display"/>
              </a:rPr>
              <a:t>Hvordan arbejder I med innovation og bæredygtighed?</a:t>
            </a:r>
            <a:br>
              <a:rPr lang="da-DK" sz="1600" dirty="0"/>
            </a:br>
            <a:endParaRPr lang="da-DK" sz="1600" i="1" dirty="0"/>
          </a:p>
        </p:txBody>
      </p:sp>
      <p:sp>
        <p:nvSpPr>
          <p:cNvPr id="4" name="Undertitel 3">
            <a:extLst>
              <a:ext uri="{FF2B5EF4-FFF2-40B4-BE49-F238E27FC236}">
                <a16:creationId xmlns:a16="http://schemas.microsoft.com/office/drawing/2014/main" id="{4166518D-DF35-1CC3-CEDF-FCF5067282A3}"/>
              </a:ext>
            </a:extLst>
          </p:cNvPr>
          <p:cNvSpPr txBox="1">
            <a:spLocks/>
          </p:cNvSpPr>
          <p:nvPr/>
        </p:nvSpPr>
        <p:spPr>
          <a:xfrm>
            <a:off x="734977" y="1184400"/>
            <a:ext cx="6312368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15000"/>
              </a:lnSpc>
              <a:spcAft>
                <a:spcPts val="800"/>
              </a:spcAft>
              <a:buSzPts val="1000"/>
              <a:buNone/>
              <a:tabLst>
                <a:tab pos="457200" algn="l"/>
              </a:tabLst>
            </a:pPr>
            <a:endParaRPr lang="da-DK" sz="2400" dirty="0"/>
          </a:p>
        </p:txBody>
      </p:sp>
      <p:sp>
        <p:nvSpPr>
          <p:cNvPr id="7" name="Undertitel 3">
            <a:extLst>
              <a:ext uri="{FF2B5EF4-FFF2-40B4-BE49-F238E27FC236}">
                <a16:creationId xmlns:a16="http://schemas.microsoft.com/office/drawing/2014/main" id="{C5B33347-5332-58A5-C60F-022E84DCC3B0}"/>
              </a:ext>
            </a:extLst>
          </p:cNvPr>
          <p:cNvSpPr txBox="1">
            <a:spLocks/>
          </p:cNvSpPr>
          <p:nvPr/>
        </p:nvSpPr>
        <p:spPr>
          <a:xfrm>
            <a:off x="646800" y="1329833"/>
            <a:ext cx="6312368" cy="538912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b="1" dirty="0">
                <a:latin typeface="+mj-lt"/>
              </a:rPr>
              <a:t>Opgave 2: Relevante spørgsmål til virksomhederne </a:t>
            </a:r>
          </a:p>
          <a:p>
            <a:r>
              <a:rPr lang="da-DK" dirty="0">
                <a:latin typeface="+mj-lt"/>
              </a:rPr>
              <a:t>På baggrund af jeres karriereprofil, lav nu en brainstorm over relevante  spørgsmål til virksomhederne.</a:t>
            </a:r>
          </a:p>
          <a:p>
            <a:endParaRPr lang="da-DK" dirty="0">
              <a:latin typeface="+mj-lt"/>
            </a:endParaRPr>
          </a:p>
          <a:p>
            <a:pPr marL="0" indent="0">
              <a:buNone/>
            </a:pPr>
            <a:r>
              <a:rPr lang="da-DK" b="1" dirty="0">
                <a:latin typeface="+mj-lt"/>
              </a:rPr>
              <a:t>Opgave 3: Del jeres spørgsmål </a:t>
            </a:r>
          </a:p>
          <a:p>
            <a:r>
              <a:rPr lang="da-DK" dirty="0">
                <a:latin typeface="+mj-lt"/>
              </a:rPr>
              <a:t>Præsenter jeres spørgsmål og begrundelser for klassen.</a:t>
            </a:r>
          </a:p>
          <a:p>
            <a:r>
              <a:rPr lang="da-DK" dirty="0">
                <a:latin typeface="+mj-lt"/>
              </a:rPr>
              <a:t>Vi diskuterer spørgsmålene i plenum.</a:t>
            </a:r>
          </a:p>
          <a:p>
            <a:endParaRPr lang="da-DK" dirty="0">
              <a:latin typeface="+mj-lt"/>
            </a:endParaRPr>
          </a:p>
          <a:p>
            <a:pPr marL="0" indent="0">
              <a:buNone/>
            </a:pPr>
            <a:r>
              <a:rPr lang="da-DK" b="1" dirty="0">
                <a:latin typeface="+mj-lt"/>
              </a:rPr>
              <a:t>Forventningsafstemning </a:t>
            </a:r>
          </a:p>
          <a:p>
            <a:r>
              <a:rPr lang="da-DK" dirty="0">
                <a:latin typeface="+mj-lt"/>
              </a:rPr>
              <a:t>Vi reflekterer i plenum over jeres forventninger og hvad I håber at få ud af DI Karrieredag: læring, netværk eller inspiration?...</a:t>
            </a:r>
          </a:p>
        </p:txBody>
      </p:sp>
      <p:pic>
        <p:nvPicPr>
          <p:cNvPr id="5" name="Picture 35">
            <a:extLst>
              <a:ext uri="{FF2B5EF4-FFF2-40B4-BE49-F238E27FC236}">
                <a16:creationId xmlns:a16="http://schemas.microsoft.com/office/drawing/2014/main" id="{A3BF0D3C-F0AE-5230-EDB7-A28566C55D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099" r="1" b="1"/>
          <a:stretch/>
        </p:blipFill>
        <p:spPr bwMode="auto">
          <a:xfrm>
            <a:off x="9153171" y="4542061"/>
            <a:ext cx="2533930" cy="1847657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46871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277CD3-9061-4790-62D9-031E916AD8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 b="1" kern="100" dirty="0">
                <a:effectLst/>
                <a:ea typeface="Aptos" panose="020B0004020202020204" pitchFamily="34" charset="0"/>
                <a:cs typeface="Times New Roman" panose="02020603050405020304" pitchFamily="18" charset="0"/>
              </a:rPr>
              <a:t>5. Jeres rolle </a:t>
            </a:r>
            <a:r>
              <a:rPr lang="da-DK" sz="2400" b="1" kern="100" dirty="0">
                <a:ea typeface="Aptos" panose="020B0004020202020204" pitchFamily="34" charset="0"/>
                <a:cs typeface="Times New Roman" panose="02020603050405020304" pitchFamily="18" charset="0"/>
              </a:rPr>
              <a:t>ved</a:t>
            </a:r>
            <a:r>
              <a:rPr lang="da-DK" sz="2400" b="1" kern="100" dirty="0">
                <a:effectLst/>
                <a:ea typeface="Aptos" panose="020B0004020202020204" pitchFamily="34" charset="0"/>
                <a:cs typeface="Times New Roman" panose="02020603050405020304" pitchFamily="18" charset="0"/>
              </a:rPr>
              <a:t> DI Karrieredag</a:t>
            </a:r>
            <a:endParaRPr lang="da-DK" sz="2400" dirty="0"/>
          </a:p>
        </p:txBody>
      </p:sp>
      <p:sp>
        <p:nvSpPr>
          <p:cNvPr id="3" name="Undertitel 3">
            <a:extLst>
              <a:ext uri="{FF2B5EF4-FFF2-40B4-BE49-F238E27FC236}">
                <a16:creationId xmlns:a16="http://schemas.microsoft.com/office/drawing/2014/main" id="{DECAEF3E-B04A-49A2-FC0F-E7E92C29897F}"/>
              </a:ext>
            </a:extLst>
          </p:cNvPr>
          <p:cNvSpPr txBox="1">
            <a:spLocks/>
          </p:cNvSpPr>
          <p:nvPr/>
        </p:nvSpPr>
        <p:spPr>
          <a:xfrm>
            <a:off x="646801" y="1108262"/>
            <a:ext cx="6193838" cy="3972560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90000" indent="-9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1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>
                <a:latin typeface="+mj-lt"/>
              </a:rPr>
              <a:t>Aktiv deltagelse i oplæg og dialoger med virksomhedsrepræsentanter.</a:t>
            </a:r>
          </a:p>
          <a:p>
            <a:endParaRPr lang="da-DK" dirty="0">
              <a:latin typeface="+mj-lt"/>
            </a:endParaRPr>
          </a:p>
          <a:p>
            <a:r>
              <a:rPr lang="da-DK" dirty="0">
                <a:latin typeface="+mj-lt"/>
              </a:rPr>
              <a:t>Vær nysgerrige og engagerede gennem relevante og velovervejede spørgsmål. I kan bruge de spørgsmål, som blev diskuteret i plenum som inspiration.</a:t>
            </a:r>
          </a:p>
          <a:p>
            <a:pPr marL="0" indent="0">
              <a:buNone/>
            </a:pPr>
            <a:endParaRPr lang="da-DK" dirty="0">
              <a:latin typeface="+mj-lt"/>
            </a:endParaRPr>
          </a:p>
          <a:p>
            <a:r>
              <a:rPr lang="da-DK" dirty="0">
                <a:latin typeface="+mj-lt"/>
              </a:rPr>
              <a:t>I kan benytte lejligheden til at netværke og skabe forbindelser med potentielle fremtidige arbejdsgivere.</a:t>
            </a:r>
          </a:p>
          <a:p>
            <a:endParaRPr lang="da-DK" dirty="0">
              <a:latin typeface="+mj-lt"/>
            </a:endParaRPr>
          </a:p>
          <a:p>
            <a:r>
              <a:rPr lang="da-DK" dirty="0">
                <a:latin typeface="+mj-lt"/>
              </a:rPr>
              <a:t>Tænk over hvordan de forskellige oplæg fra virksomhederne påvirker jeres tanker om fremtidige uddannelses- og karrierevalg.</a:t>
            </a:r>
          </a:p>
        </p:txBody>
      </p:sp>
      <p:pic>
        <p:nvPicPr>
          <p:cNvPr id="4" name="Picture 2" descr="No alt text provided for this image">
            <a:extLst>
              <a:ext uri="{FF2B5EF4-FFF2-40B4-BE49-F238E27FC236}">
                <a16:creationId xmlns:a16="http://schemas.microsoft.com/office/drawing/2014/main" id="{06B790F9-2566-7FDF-2B1A-3274EC0A8D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29" r="-2" b="-2"/>
          <a:stretch/>
        </p:blipFill>
        <p:spPr bwMode="auto">
          <a:xfrm>
            <a:off x="8939146" y="4469914"/>
            <a:ext cx="2739317" cy="19974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Kombinationstegning: figur 8">
            <a:extLst>
              <a:ext uri="{FF2B5EF4-FFF2-40B4-BE49-F238E27FC236}">
                <a16:creationId xmlns:a16="http://schemas.microsoft.com/office/drawing/2014/main" id="{5C91986A-449C-A68F-20D0-07DC8F3C4A0D}"/>
              </a:ext>
            </a:extLst>
          </p:cNvPr>
          <p:cNvSpPr/>
          <p:nvPr/>
        </p:nvSpPr>
        <p:spPr>
          <a:xfrm>
            <a:off x="6944809" y="304473"/>
            <a:ext cx="4884517" cy="3972560"/>
          </a:xfrm>
          <a:custGeom>
            <a:avLst/>
            <a:gdLst>
              <a:gd name="connsiteX0" fmla="*/ 560268 w 5705819"/>
              <a:gd name="connsiteY0" fmla="*/ 0 h 4682168"/>
              <a:gd name="connsiteX1" fmla="*/ 3569521 w 5705819"/>
              <a:gd name="connsiteY1" fmla="*/ 0 h 4682168"/>
              <a:gd name="connsiteX2" fmla="*/ 5145551 w 5705819"/>
              <a:gd name="connsiteY2" fmla="*/ 0 h 4682168"/>
              <a:gd name="connsiteX3" fmla="*/ 5705819 w 5705819"/>
              <a:gd name="connsiteY3" fmla="*/ 0 h 4682168"/>
              <a:gd name="connsiteX4" fmla="*/ 5705819 w 5705819"/>
              <a:gd name="connsiteY4" fmla="*/ 560268 h 4682168"/>
              <a:gd name="connsiteX5" fmla="*/ 5705819 w 5705819"/>
              <a:gd name="connsiteY5" fmla="*/ 1853076 h 4682168"/>
              <a:gd name="connsiteX6" fmla="*/ 5705819 w 5705819"/>
              <a:gd name="connsiteY6" fmla="*/ 2829092 h 4682168"/>
              <a:gd name="connsiteX7" fmla="*/ 5705819 w 5705819"/>
              <a:gd name="connsiteY7" fmla="*/ 4121900 h 4682168"/>
              <a:gd name="connsiteX8" fmla="*/ 5705819 w 5705819"/>
              <a:gd name="connsiteY8" fmla="*/ 4682168 h 4682168"/>
              <a:gd name="connsiteX9" fmla="*/ 5145551 w 5705819"/>
              <a:gd name="connsiteY9" fmla="*/ 4682168 h 4682168"/>
              <a:gd name="connsiteX10" fmla="*/ 3569521 w 5705819"/>
              <a:gd name="connsiteY10" fmla="*/ 4682168 h 4682168"/>
              <a:gd name="connsiteX11" fmla="*/ 738648 w 5705819"/>
              <a:gd name="connsiteY11" fmla="*/ 4682168 h 4682168"/>
              <a:gd name="connsiteX12" fmla="*/ 560268 w 5705819"/>
              <a:gd name="connsiteY12" fmla="*/ 4682168 h 4682168"/>
              <a:gd name="connsiteX13" fmla="*/ 0 w 5705819"/>
              <a:gd name="connsiteY13" fmla="*/ 4682168 h 4682168"/>
              <a:gd name="connsiteX14" fmla="*/ 0 w 5705819"/>
              <a:gd name="connsiteY14" fmla="*/ 4121900 h 4682168"/>
              <a:gd name="connsiteX15" fmla="*/ 0 w 5705819"/>
              <a:gd name="connsiteY15" fmla="*/ 3943520 h 4682168"/>
              <a:gd name="connsiteX16" fmla="*/ 0 w 5705819"/>
              <a:gd name="connsiteY16" fmla="*/ 560268 h 4682168"/>
              <a:gd name="connsiteX17" fmla="*/ 560268 w 5705819"/>
              <a:gd name="connsiteY17" fmla="*/ 0 h 4682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5705819" h="4682168">
                <a:moveTo>
                  <a:pt x="560268" y="0"/>
                </a:moveTo>
                <a:lnTo>
                  <a:pt x="3569521" y="0"/>
                </a:lnTo>
                <a:lnTo>
                  <a:pt x="5145551" y="0"/>
                </a:lnTo>
                <a:lnTo>
                  <a:pt x="5705819" y="0"/>
                </a:lnTo>
                <a:lnTo>
                  <a:pt x="5705819" y="560268"/>
                </a:lnTo>
                <a:lnTo>
                  <a:pt x="5705819" y="1853076"/>
                </a:lnTo>
                <a:lnTo>
                  <a:pt x="5705819" y="2829092"/>
                </a:lnTo>
                <a:lnTo>
                  <a:pt x="5705819" y="4121900"/>
                </a:lnTo>
                <a:lnTo>
                  <a:pt x="5705819" y="4682168"/>
                </a:lnTo>
                <a:lnTo>
                  <a:pt x="5145551" y="4682168"/>
                </a:lnTo>
                <a:lnTo>
                  <a:pt x="3569521" y="4682168"/>
                </a:lnTo>
                <a:lnTo>
                  <a:pt x="738648" y="4682168"/>
                </a:lnTo>
                <a:lnTo>
                  <a:pt x="560268" y="4682168"/>
                </a:lnTo>
                <a:lnTo>
                  <a:pt x="0" y="4682168"/>
                </a:lnTo>
                <a:lnTo>
                  <a:pt x="0" y="4121900"/>
                </a:lnTo>
                <a:lnTo>
                  <a:pt x="0" y="3943520"/>
                </a:lnTo>
                <a:lnTo>
                  <a:pt x="0" y="560268"/>
                </a:lnTo>
                <a:cubicBezTo>
                  <a:pt x="0" y="250841"/>
                  <a:pt x="250841" y="0"/>
                  <a:pt x="560268" y="0"/>
                </a:cubicBezTo>
                <a:close/>
              </a:path>
            </a:pathLst>
          </a:custGeom>
          <a:solidFill>
            <a:srgbClr val="EAB8E4"/>
          </a:solidFill>
          <a:ln w="158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>
              <a:buNone/>
            </a:pPr>
            <a:r>
              <a:rPr lang="da-DK" b="1" i="1" dirty="0">
                <a:solidFill>
                  <a:schemeClr val="bg1"/>
                </a:solidFill>
              </a:rPr>
              <a:t>Eksempler på hvad kan man spørge virksomhederne om?</a:t>
            </a:r>
          </a:p>
          <a:p>
            <a:pPr>
              <a:buNone/>
            </a:pPr>
            <a:endParaRPr lang="da-DK" i="1" dirty="0">
              <a:solidFill>
                <a:schemeClr val="bg1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</a:rPr>
              <a:t>Hvilke job kan man få – og hvordan kommer man dertil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</a:rPr>
              <a:t>Hvad leder I efter hos unge medarbejdere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</a:rPr>
              <a:t>Har I sabbatårsjob eller praktikpladser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  <a:latin typeface="DI Sans Display"/>
              </a:rPr>
              <a:t>Hvordan ser en typisk arbejdsdag ud hos jer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  <a:latin typeface="DI Sans Display"/>
              </a:rPr>
              <a:t>Hvilke kvaliteter leder I efter i nye medarbejdere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i="1" dirty="0">
                <a:solidFill>
                  <a:schemeClr val="bg1"/>
                </a:solidFill>
                <a:latin typeface="DI Sans Display"/>
              </a:rPr>
              <a:t>Hvordan arbejder I med innovation og bæredygtighed?</a:t>
            </a:r>
            <a:br>
              <a:rPr lang="da-DK" b="1" dirty="0"/>
            </a:br>
            <a:endParaRPr lang="da-DK" b="1" i="1" dirty="0"/>
          </a:p>
        </p:txBody>
      </p:sp>
    </p:spTree>
    <p:extLst>
      <p:ext uri="{BB962C8B-B14F-4D97-AF65-F5344CB8AC3E}">
        <p14:creationId xmlns:p14="http://schemas.microsoft.com/office/powerpoint/2010/main" val="26471095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150529248652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15072848784492"/>
</p:tagLst>
</file>

<file path=ppt/theme/theme1.xml><?xml version="1.0" encoding="utf-8"?>
<a:theme xmlns:a="http://schemas.openxmlformats.org/drawingml/2006/main" name="Dansk Industri">
  <a:themeElements>
    <a:clrScheme name="DI Corporate 2023">
      <a:dk1>
        <a:srgbClr val="000000"/>
      </a:dk1>
      <a:lt1>
        <a:srgbClr val="FFFFFF"/>
      </a:lt1>
      <a:dk2>
        <a:srgbClr val="38025C"/>
      </a:dk2>
      <a:lt2>
        <a:srgbClr val="F7F5FF"/>
      </a:lt2>
      <a:accent1>
        <a:srgbClr val="38025C"/>
      </a:accent1>
      <a:accent2>
        <a:srgbClr val="A7A4E0"/>
      </a:accent2>
      <a:accent3>
        <a:srgbClr val="7D55C7"/>
      </a:accent3>
      <a:accent4>
        <a:srgbClr val="3B383D"/>
      </a:accent4>
      <a:accent5>
        <a:srgbClr val="646266"/>
      </a:accent5>
      <a:accent6>
        <a:srgbClr val="BDBDBD"/>
      </a:accent6>
      <a:hlink>
        <a:srgbClr val="7D55C7"/>
      </a:hlink>
      <a:folHlink>
        <a:srgbClr val="A7A4E0"/>
      </a:folHlink>
    </a:clrScheme>
    <a:fontScheme name="Dansk Industri 2023">
      <a:majorFont>
        <a:latin typeface="DI Display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15875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58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err="1" smtClean="0">
            <a:solidFill>
              <a:schemeClr val="accent1"/>
            </a:solidFill>
          </a:defRPr>
        </a:defPPr>
      </a:lstStyle>
    </a:txDef>
  </a:objectDefaults>
  <a:extraClrSchemeLst/>
  <a:custClrLst>
    <a:custClr name="Off White Background">
      <a:srgbClr val="F7F5FF"/>
    </a:custClr>
    <a:custClr name="Dark Purple 500">
      <a:srgbClr val="38025C"/>
    </a:custClr>
    <a:custClr name="Dark Purple 400">
      <a:srgbClr val="60347C"/>
    </a:custClr>
    <a:custClr name="Light Purple 500">
      <a:srgbClr val="A7A4E0"/>
    </a:custClr>
    <a:custClr name="Light Purple 400">
      <a:srgbClr val="B9B6E6"/>
    </a:custClr>
    <a:custClr name="Vibrant Purple 500">
      <a:srgbClr val="7D55C7"/>
    </a:custClr>
    <a:custClr name="Vibrant Purple 400">
      <a:srgbClr val="9777D2"/>
    </a:custClr>
    <a:custClr name="Dark Grey">
      <a:srgbClr val="3B383D"/>
    </a:custClr>
    <a:custClr name="Vibrant Grey">
      <a:srgbClr val="646266"/>
    </a:custClr>
    <a:custClr name="Light Grey">
      <a:srgbClr val="BDBDBD"/>
    </a:custClr>
    <a:custClr name="Dark Aqua 500">
      <a:srgbClr val="004851"/>
    </a:custClr>
    <a:custClr name="Dark Aqua 400">
      <a:srgbClr val="336D74"/>
    </a:custClr>
    <a:custClr name="Vibrant Aqua 500">
      <a:srgbClr val="00AB8E"/>
    </a:custClr>
    <a:custClr name="Vibrant Aqua 400">
      <a:srgbClr val="33BCA5"/>
    </a:custClr>
    <a:custClr name="Light Aqua 500">
      <a:srgbClr val="88DBDF"/>
    </a:custClr>
    <a:custClr name="Light Aqua 400">
      <a:srgbClr val="A0E2E5"/>
    </a:custClr>
    <a:custClr name="Dark Blue 500">
      <a:srgbClr val="002B49"/>
    </a:custClr>
    <a:custClr name="Dark Blue 400">
      <a:srgbClr val="33556D"/>
    </a:custClr>
    <a:custClr name="Vibrant Blue 500">
      <a:srgbClr val="007096"/>
    </a:custClr>
    <a:custClr name="Vibrant Blue 400">
      <a:srgbClr val="338DAB"/>
    </a:custClr>
    <a:custClr name="Light Blue 500">
      <a:srgbClr val="8DC8E8"/>
    </a:custClr>
    <a:custClr name="Light Blue 400">
      <a:srgbClr val="A4D3ED"/>
    </a:custClr>
    <a:custClr name="Dark Red 500">
      <a:srgbClr val="70273D"/>
    </a:custClr>
    <a:custClr name="Dark Red 400">
      <a:srgbClr val="8D5264"/>
    </a:custClr>
    <a:custClr name="Vibrant Red 500">
      <a:srgbClr val="D22730"/>
    </a:custClr>
    <a:custClr name="Vibrant Red 400">
      <a:srgbClr val="DB5259"/>
    </a:custClr>
    <a:custClr name="Light Red 500">
      <a:srgbClr val="EAB8E4"/>
    </a:custClr>
    <a:custClr name="Light Red 400">
      <a:srgbClr val="EEC6E9"/>
    </a:custClr>
    <a:custClr name="Dark Green 500">
      <a:srgbClr val="284734"/>
    </a:custClr>
    <a:custClr name="Dark Green 400">
      <a:srgbClr val="536C5D"/>
    </a:custClr>
    <a:custClr name="Vibrant Green 500">
      <a:srgbClr val="56C271"/>
    </a:custClr>
    <a:custClr name="Vibrant Green 400">
      <a:srgbClr val="78CE8D"/>
    </a:custClr>
    <a:custClr name="Light Green 500">
      <a:srgbClr val="BCE194"/>
    </a:custClr>
    <a:custClr name="Light Green 400">
      <a:srgbClr val="C9E7A9"/>
    </a:custClr>
    <a:custClr name="Dark Orange 500">
      <a:srgbClr val="B33D26"/>
    </a:custClr>
    <a:custClr name="Dark Orange 400">
      <a:srgbClr val="C2645B"/>
    </a:custClr>
    <a:custClr name="Vibrant Orange 500 ">
      <a:srgbClr val="F68D2E"/>
    </a:custClr>
    <a:custClr name="Vibrant Orange 400 ">
      <a:srgbClr val="F8A458"/>
    </a:custClr>
    <a:custClr name="Light Orange 500">
      <a:srgbClr val="FCC89B"/>
    </a:custClr>
    <a:custClr name="Light Orange 400">
      <a:srgbClr val="FDD3AF"/>
    </a:custClr>
  </a:custClrLst>
  <a:extLst>
    <a:ext uri="{05A4C25C-085E-4340-85A3-A5531E510DB2}">
      <thm15:themeFamily xmlns:thm15="http://schemas.microsoft.com/office/thememl/2012/main" name="Blank.potx" id="{E9791ABF-9B2E-4AC4-B0CD-179CB02AEB99}" vid="{BB1FA146-E51F-4D93-8A00-5E0D07D8550F}"/>
    </a:ext>
  </a:extLst>
</a:theme>
</file>

<file path=ppt/theme/theme2.xml><?xml version="1.0" encoding="utf-8"?>
<a:theme xmlns:a="http://schemas.openxmlformats.org/drawingml/2006/main" name="Office-tema">
  <a:themeElements>
    <a:clrScheme name="DI Corporate 2023">
      <a:dk1>
        <a:srgbClr val="000000"/>
      </a:dk1>
      <a:lt1>
        <a:srgbClr val="FFFFFF"/>
      </a:lt1>
      <a:dk2>
        <a:srgbClr val="38025C"/>
      </a:dk2>
      <a:lt2>
        <a:srgbClr val="F7F5FF"/>
      </a:lt2>
      <a:accent1>
        <a:srgbClr val="38025C"/>
      </a:accent1>
      <a:accent2>
        <a:srgbClr val="A7A4E0"/>
      </a:accent2>
      <a:accent3>
        <a:srgbClr val="7D55C7"/>
      </a:accent3>
      <a:accent4>
        <a:srgbClr val="3B383D"/>
      </a:accent4>
      <a:accent5>
        <a:srgbClr val="646266"/>
      </a:accent5>
      <a:accent6>
        <a:srgbClr val="BDBDBD"/>
      </a:accent6>
      <a:hlink>
        <a:srgbClr val="7D55C7"/>
      </a:hlink>
      <a:folHlink>
        <a:srgbClr val="A7A4E0"/>
      </a:folHlink>
    </a:clrScheme>
    <a:fontScheme name="Dansk Industri 2023">
      <a:majorFont>
        <a:latin typeface="DI Display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Off White Background">
      <a:srgbClr val="F7F5FF"/>
    </a:custClr>
    <a:custClr name="Dark Purple 500">
      <a:srgbClr val="38025C"/>
    </a:custClr>
    <a:custClr name="Dark Purple 400">
      <a:srgbClr val="60347C"/>
    </a:custClr>
    <a:custClr name="Light Purple 500">
      <a:srgbClr val="A7A4E0"/>
    </a:custClr>
    <a:custClr name="Light Purple 400">
      <a:srgbClr val="B9B6E6"/>
    </a:custClr>
    <a:custClr name="Vibrant Purple 500">
      <a:srgbClr val="7D55C7"/>
    </a:custClr>
    <a:custClr name="Vibrant Purple 400">
      <a:srgbClr val="9777D2"/>
    </a:custClr>
    <a:custClr name="Dark Grey">
      <a:srgbClr val="3B383D"/>
    </a:custClr>
    <a:custClr name="Vibrant Grey">
      <a:srgbClr val="646266"/>
    </a:custClr>
    <a:custClr name="Light Grey">
      <a:srgbClr val="BDBDBD"/>
    </a:custClr>
    <a:custClr name="Dark Aqua 500">
      <a:srgbClr val="004851"/>
    </a:custClr>
    <a:custClr name="Dark Aqua 400">
      <a:srgbClr val="336D74"/>
    </a:custClr>
    <a:custClr name="Vibrant Aqua 500">
      <a:srgbClr val="00AB8E"/>
    </a:custClr>
    <a:custClr name="Vibrant Aqua 400">
      <a:srgbClr val="33BCA5"/>
    </a:custClr>
    <a:custClr name="Light Aqua 500">
      <a:srgbClr val="88DBDF"/>
    </a:custClr>
    <a:custClr name="Light Aqua 400">
      <a:srgbClr val="A0E2E5"/>
    </a:custClr>
    <a:custClr name="Dark Blue 500">
      <a:srgbClr val="002B49"/>
    </a:custClr>
    <a:custClr name="Dark Blue 400">
      <a:srgbClr val="33556D"/>
    </a:custClr>
    <a:custClr name="Vibrant Blue 500">
      <a:srgbClr val="007096"/>
    </a:custClr>
    <a:custClr name="Vibrant Blue 400">
      <a:srgbClr val="338DAB"/>
    </a:custClr>
    <a:custClr name="Light Blue 500">
      <a:srgbClr val="8DC8E8"/>
    </a:custClr>
    <a:custClr name="Light Blue 400">
      <a:srgbClr val="A4D3ED"/>
    </a:custClr>
    <a:custClr name="Dark Red 500">
      <a:srgbClr val="70273D"/>
    </a:custClr>
    <a:custClr name="Dark Red 400">
      <a:srgbClr val="8D5264"/>
    </a:custClr>
    <a:custClr name="Vibrant Red 500">
      <a:srgbClr val="D22730"/>
    </a:custClr>
    <a:custClr name="Vibrant Red 400">
      <a:srgbClr val="DB5259"/>
    </a:custClr>
    <a:custClr name="Light Red 500">
      <a:srgbClr val="EAB8E4"/>
    </a:custClr>
    <a:custClr name="Light Red 400">
      <a:srgbClr val="EEC6E9"/>
    </a:custClr>
    <a:custClr name="Dark Green 500">
      <a:srgbClr val="284734"/>
    </a:custClr>
    <a:custClr name="Dark Green 400">
      <a:srgbClr val="536C5D"/>
    </a:custClr>
    <a:custClr name="Vibrant Green 500">
      <a:srgbClr val="56C271"/>
    </a:custClr>
    <a:custClr name="Vibrant Green 400">
      <a:srgbClr val="78CE8D"/>
    </a:custClr>
    <a:custClr name="Light Green 500">
      <a:srgbClr val="BCE194"/>
    </a:custClr>
    <a:custClr name="Light Green 400">
      <a:srgbClr val="C9E7A9"/>
    </a:custClr>
    <a:custClr name="Dark Orange 500">
      <a:srgbClr val="B33D26"/>
    </a:custClr>
    <a:custClr name="Dark Orange 400">
      <a:srgbClr val="C2645B"/>
    </a:custClr>
    <a:custClr name="Vibrant Orange 500 ">
      <a:srgbClr val="F68D2E"/>
    </a:custClr>
    <a:custClr name="Vibrant Orange 400 ">
      <a:srgbClr val="F8A458"/>
    </a:custClr>
    <a:custClr name="Light Orange 500">
      <a:srgbClr val="FCC89B"/>
    </a:custClr>
    <a:custClr name="Light Orange 400">
      <a:srgbClr val="FDD3A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 2023">
      <a:dk1>
        <a:srgbClr val="000000"/>
      </a:dk1>
      <a:lt1>
        <a:srgbClr val="FFFFFF"/>
      </a:lt1>
      <a:dk2>
        <a:srgbClr val="38025C"/>
      </a:dk2>
      <a:lt2>
        <a:srgbClr val="F7F5FF"/>
      </a:lt2>
      <a:accent1>
        <a:srgbClr val="38025C"/>
      </a:accent1>
      <a:accent2>
        <a:srgbClr val="A7A4E0"/>
      </a:accent2>
      <a:accent3>
        <a:srgbClr val="7D55C7"/>
      </a:accent3>
      <a:accent4>
        <a:srgbClr val="3B383D"/>
      </a:accent4>
      <a:accent5>
        <a:srgbClr val="646266"/>
      </a:accent5>
      <a:accent6>
        <a:srgbClr val="BDBDBD"/>
      </a:accent6>
      <a:hlink>
        <a:srgbClr val="7D55C7"/>
      </a:hlink>
      <a:folHlink>
        <a:srgbClr val="A7A4E0"/>
      </a:folHlink>
    </a:clrScheme>
    <a:fontScheme name="Dansk Industri 2023">
      <a:majorFont>
        <a:latin typeface="DI Display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Off White Background">
      <a:srgbClr val="F7F5FF"/>
    </a:custClr>
    <a:custClr name="Dark Purple 500">
      <a:srgbClr val="38025C"/>
    </a:custClr>
    <a:custClr name="Dark Purple 400">
      <a:srgbClr val="60347C"/>
    </a:custClr>
    <a:custClr name="Light Purple 500">
      <a:srgbClr val="A7A4E0"/>
    </a:custClr>
    <a:custClr name="Light Purple 400">
      <a:srgbClr val="B9B6E6"/>
    </a:custClr>
    <a:custClr name="Vibrant Purple 500">
      <a:srgbClr val="7D55C7"/>
    </a:custClr>
    <a:custClr name="Vibrant Purple 400">
      <a:srgbClr val="9777D2"/>
    </a:custClr>
    <a:custClr name="Dark Grey">
      <a:srgbClr val="3B383D"/>
    </a:custClr>
    <a:custClr name="Vibrant Grey">
      <a:srgbClr val="646266"/>
    </a:custClr>
    <a:custClr name="Light Grey">
      <a:srgbClr val="BDBDBD"/>
    </a:custClr>
    <a:custClr name="Dark Aqua 500">
      <a:srgbClr val="004851"/>
    </a:custClr>
    <a:custClr name="Dark Aqua 400">
      <a:srgbClr val="336D74"/>
    </a:custClr>
    <a:custClr name="Vibrant Aqua 500">
      <a:srgbClr val="00AB8E"/>
    </a:custClr>
    <a:custClr name="Vibrant Aqua 400">
      <a:srgbClr val="33BCA5"/>
    </a:custClr>
    <a:custClr name="Light Aqua 500">
      <a:srgbClr val="88DBDF"/>
    </a:custClr>
    <a:custClr name="Light Aqua 400">
      <a:srgbClr val="A0E2E5"/>
    </a:custClr>
    <a:custClr name="Dark Blue 500">
      <a:srgbClr val="002B49"/>
    </a:custClr>
    <a:custClr name="Dark Blue 400">
      <a:srgbClr val="33556D"/>
    </a:custClr>
    <a:custClr name="Vibrant Blue 500">
      <a:srgbClr val="007096"/>
    </a:custClr>
    <a:custClr name="Vibrant Blue 400">
      <a:srgbClr val="338DAB"/>
    </a:custClr>
    <a:custClr name="Light Blue 500">
      <a:srgbClr val="8DC8E8"/>
    </a:custClr>
    <a:custClr name="Light Blue 400">
      <a:srgbClr val="A4D3ED"/>
    </a:custClr>
    <a:custClr name="Dark Red 500">
      <a:srgbClr val="70273D"/>
    </a:custClr>
    <a:custClr name="Dark Red 400">
      <a:srgbClr val="8D5264"/>
    </a:custClr>
    <a:custClr name="Vibrant Red 500">
      <a:srgbClr val="D22730"/>
    </a:custClr>
    <a:custClr name="Vibrant Red 400">
      <a:srgbClr val="DB5259"/>
    </a:custClr>
    <a:custClr name="Light Red 500">
      <a:srgbClr val="EAB8E4"/>
    </a:custClr>
    <a:custClr name="Light Red 400">
      <a:srgbClr val="EEC6E9"/>
    </a:custClr>
    <a:custClr name="Dark Green 500">
      <a:srgbClr val="284734"/>
    </a:custClr>
    <a:custClr name="Dark Green 400">
      <a:srgbClr val="536C5D"/>
    </a:custClr>
    <a:custClr name="Vibrant Green 500">
      <a:srgbClr val="56C271"/>
    </a:custClr>
    <a:custClr name="Vibrant Green 400">
      <a:srgbClr val="78CE8D"/>
    </a:custClr>
    <a:custClr name="Light Green 500">
      <a:srgbClr val="BCE194"/>
    </a:custClr>
    <a:custClr name="Light Green 400">
      <a:srgbClr val="C9E7A9"/>
    </a:custClr>
    <a:custClr name="Dark Orange 500">
      <a:srgbClr val="B33D26"/>
    </a:custClr>
    <a:custClr name="Dark Orange 400">
      <a:srgbClr val="C2645B"/>
    </a:custClr>
    <a:custClr name="Vibrant Orange 500 ">
      <a:srgbClr val="F68D2E"/>
    </a:custClr>
    <a:custClr name="Vibrant Orange 400 ">
      <a:srgbClr val="F8A458"/>
    </a:custClr>
    <a:custClr name="Light Orange 500">
      <a:srgbClr val="FCC89B"/>
    </a:custClr>
    <a:custClr name="Light Orange 400">
      <a:srgbClr val="FDD3A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TemplateConfiguration><![CDATA[{"slideVersion":1,"isValidatorEnabled":false,"isLocked":false,"elementsMetadata":[],"slideId":"865714361470025738","enableDocumentContentUpdater":false,"version":"2.0"}]]></TemplafySlideTemplateConfiguration>
</file>

<file path=customXml/item2.xml><?xml version="1.0" encoding="utf-8"?>
<TemplafyTemplateConfiguration><![CDATA[{"elementsMetadata":[{"type":"shape","id":"fa69cddb-3d60-4a87-aa0a-bb2e1c18af15","elementConfiguration":{"height":"2.5 cm","type":"image","disableUpdates":false}}],"transformationConfigurations":[],"templateName":"Blank","templateDescription":"","enableDocumentContentUpdater":false,"version":"2.0"}]]></TemplafyTemplateConfiguration>
</file>

<file path=customXml/item3.xml><?xml version="1.0" encoding="utf-8"?>
<TemplafyFormConfiguration><![CDATA[{"formFields":[],"formDataEntries":[]}]]></Templafy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2,"isValidatorEnabled":false,"isLocked":false,"elementsMetadata":[],"slideId":"865714370803662855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A50760D9-FB66-4DDF-8D05-EC246556FBD8}">
  <ds:schemaRefs/>
</ds:datastoreItem>
</file>

<file path=customXml/itemProps2.xml><?xml version="1.0" encoding="utf-8"?>
<ds:datastoreItem xmlns:ds="http://schemas.openxmlformats.org/officeDocument/2006/customXml" ds:itemID="{C651F6C4-37F6-4422-A28B-F77505F6A4A5}">
  <ds:schemaRefs/>
</ds:datastoreItem>
</file>

<file path=customXml/itemProps3.xml><?xml version="1.0" encoding="utf-8"?>
<ds:datastoreItem xmlns:ds="http://schemas.openxmlformats.org/officeDocument/2006/customXml" ds:itemID="{8BB19C67-C6FD-436D-BF37-A13D5A0F77E7}">
  <ds:schemaRefs/>
</ds:datastoreItem>
</file>

<file path=customXml/itemProps4.xml><?xml version="1.0" encoding="utf-8"?>
<ds:datastoreItem xmlns:ds="http://schemas.openxmlformats.org/officeDocument/2006/customXml" ds:itemID="{C4C00553-0970-401F-854D-42C58C28F72F}">
  <ds:schemaRefs/>
</ds:datastoreItem>
</file>

<file path=customXml/itemProps5.xml><?xml version="1.0" encoding="utf-8"?>
<ds:datastoreItem xmlns:ds="http://schemas.openxmlformats.org/officeDocument/2006/customXml" ds:itemID="{0B440771-2583-4C63-8FC1-2F36AB4257CD}">
  <ds:schemaRefs/>
</ds:datastoreItem>
</file>

<file path=customXml/itemProps6.xml><?xml version="1.0" encoding="utf-8"?>
<ds:datastoreItem xmlns:ds="http://schemas.openxmlformats.org/officeDocument/2006/customXml" ds:itemID="{EEE77FC3-0E7B-4F55-A62D-65008FF6F77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24</Words>
  <Application>Microsoft Office PowerPoint</Application>
  <PresentationFormat>Widescreen</PresentationFormat>
  <Paragraphs>114</Paragraphs>
  <Slides>1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DI Sans Office</vt:lpstr>
      <vt:lpstr>DI Numbers Office</vt:lpstr>
      <vt:lpstr>DI Sans Display</vt:lpstr>
      <vt:lpstr>Symbol</vt:lpstr>
      <vt:lpstr>DI Display Office</vt:lpstr>
      <vt:lpstr>Arial</vt:lpstr>
      <vt:lpstr>Aptos</vt:lpstr>
      <vt:lpstr>Dansk Industri</vt:lpstr>
      <vt:lpstr> DI Karrieredag i uge 43 </vt:lpstr>
      <vt:lpstr>Baggrund og formål med Dansk Industri (DI) karrieredag</vt:lpstr>
      <vt:lpstr>1. Hvad er DI Karrieredag – og hvorfor er det vigtigt? </vt:lpstr>
      <vt:lpstr>Hvem kommer?</vt:lpstr>
      <vt:lpstr>2. Fremtiden i erhvervslivet  </vt:lpstr>
      <vt:lpstr>Opgave 1: Lav en karriereprofil </vt:lpstr>
      <vt:lpstr>3. Kobling mellem uddannelse og job </vt:lpstr>
      <vt:lpstr>4. Forberedelse til DI Karrieredag</vt:lpstr>
      <vt:lpstr>5. Jeres rolle ved DI Karrieredag</vt:lpstr>
      <vt:lpstr>6. Efterrefleksion - hvad kan du gøre herfra?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5-04-08T13:16:15Z</dcterms:created>
  <dcterms:modified xsi:type="dcterms:W3CDTF">2025-09-23T11:42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TestEnabled">
    <vt:lpwstr>True</vt:lpwstr>
  </property>
  <property fmtid="{D5CDD505-2E9C-101B-9397-08002B2CF9AE}" pid="4" name="TemplafyTimeStamp">
    <vt:lpwstr>2024-03-13T12:32:44</vt:lpwstr>
  </property>
  <property fmtid="{D5CDD505-2E9C-101B-9397-08002B2CF9AE}" pid="5" name="TemplafyTenantId">
    <vt:lpwstr>danskindustri</vt:lpwstr>
  </property>
  <property fmtid="{D5CDD505-2E9C-101B-9397-08002B2CF9AE}" pid="6" name="TemplafyTemplateId">
    <vt:lpwstr>866500735820890198</vt:lpwstr>
  </property>
  <property fmtid="{D5CDD505-2E9C-101B-9397-08002B2CF9AE}" pid="7" name="TemplafyUserProfileId">
    <vt:lpwstr>1147735607272538119</vt:lpwstr>
  </property>
  <property fmtid="{D5CDD505-2E9C-101B-9397-08002B2CF9AE}" pid="8" name="TemplafyLanguageCode">
    <vt:lpwstr>da-DK</vt:lpwstr>
  </property>
  <property fmtid="{D5CDD505-2E9C-101B-9397-08002B2CF9AE}" pid="9" name="TemplafyFromBlank">
    <vt:bool>true</vt:bool>
  </property>
</Properties>
</file>